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481\デスクトップ\R030512地域介護・福祉空間整備等施設整備交付金の当初協議の実施について\様式等（市町） - コピー\"/>
    </mc:Choice>
  </mc:AlternateContent>
  <bookViews>
    <workbookView xWindow="0" yWindow="0" windowWidth="18765" windowHeight="11910"/>
  </bookViews>
  <sheets>
    <sheet name="整理表 (R3当初協議通知用)" sheetId="1" r:id="rId1"/>
  </sheets>
  <definedNames>
    <definedName name="_xlnm.Print_Area" localSheetId="0">'整理表 (R3当初協議通知用)'!$A$1:$O$6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1" uniqueCount="188">
  <si>
    <t>施設
規模</t>
    <phoneticPr fontId="2"/>
  </si>
  <si>
    <t>補助者</t>
    <phoneticPr fontId="2"/>
  </si>
  <si>
    <t>補助率：定額</t>
    <rPh sb="4" eb="6">
      <t>テイガク</t>
    </rPh>
    <phoneticPr fontId="2"/>
  </si>
  <si>
    <t>補助率：国1/2、自治体1/4、事業者1/4</t>
    <rPh sb="4" eb="5">
      <t>クニ</t>
    </rPh>
    <rPh sb="9" eb="12">
      <t>ジチタイ</t>
    </rPh>
    <rPh sb="16" eb="19">
      <t>ジギョウシャ</t>
    </rPh>
    <phoneticPr fontId="2"/>
  </si>
  <si>
    <r>
      <t>補助上限：なし
補助下限：なし</t>
    </r>
    <r>
      <rPr>
        <sz val="16"/>
        <color rgb="FFFF0000"/>
        <rFont val="メイリオ"/>
        <family val="3"/>
        <charset val="128"/>
      </rPr>
      <t/>
    </r>
    <rPh sb="8" eb="10">
      <t>ホジョ</t>
    </rPh>
    <rPh sb="10" eb="12">
      <t>カゲン</t>
    </rPh>
    <phoneticPr fontId="2"/>
  </si>
  <si>
    <t>定員30人以上の
大規模施設等</t>
    <rPh sb="0" eb="2">
      <t>テイイン</t>
    </rPh>
    <rPh sb="4" eb="5">
      <t>ニン</t>
    </rPh>
    <rPh sb="5" eb="7">
      <t>イジョウ</t>
    </rPh>
    <rPh sb="9" eb="12">
      <t>ダイキボ</t>
    </rPh>
    <rPh sb="12" eb="14">
      <t>シセツ</t>
    </rPh>
    <rPh sb="14" eb="15">
      <t>ナド</t>
    </rPh>
    <phoneticPr fontId="2"/>
  </si>
  <si>
    <t>都道府県
（指定都市・
中核市
を含む）</t>
    <rPh sb="0" eb="4">
      <t>トドウフケン</t>
    </rPh>
    <rPh sb="6" eb="8">
      <t>シテイ</t>
    </rPh>
    <rPh sb="8" eb="10">
      <t>トシ</t>
    </rPh>
    <rPh sb="12" eb="15">
      <t>チュウカクシ</t>
    </rPh>
    <rPh sb="17" eb="18">
      <t>フク</t>
    </rPh>
    <phoneticPr fontId="2"/>
  </si>
  <si>
    <t>〇</t>
    <phoneticPr fontId="2"/>
  </si>
  <si>
    <t>軽費老人ホーム（ケアハウス・Ａ型・Ｂ型）</t>
    <phoneticPr fontId="2"/>
  </si>
  <si>
    <t>○</t>
    <phoneticPr fontId="2"/>
  </si>
  <si>
    <t>有料老人ホーム</t>
  </si>
  <si>
    <t>○</t>
  </si>
  <si>
    <t>〇</t>
  </si>
  <si>
    <t>①以外の老人短期入所施設</t>
    <rPh sb="1" eb="3">
      <t>イガイ</t>
    </rPh>
    <rPh sb="4" eb="6">
      <t>ロウジン</t>
    </rPh>
    <phoneticPr fontId="2"/>
  </si>
  <si>
    <t>⑨</t>
  </si>
  <si>
    <t>⑩</t>
  </si>
  <si>
    <t>⑪</t>
  </si>
  <si>
    <t>⑫</t>
  </si>
  <si>
    <t>市区町村
（指定都市・
中核市
を含む）</t>
    <rPh sb="0" eb="4">
      <t>シクチョウソン</t>
    </rPh>
    <phoneticPr fontId="2"/>
  </si>
  <si>
    <t>⑬</t>
  </si>
  <si>
    <t>⑭</t>
  </si>
  <si>
    <t>⑮</t>
  </si>
  <si>
    <t>⑯</t>
  </si>
  <si>
    <t>⑰</t>
  </si>
  <si>
    <t>小規模介護医療院</t>
    <rPh sb="0" eb="3">
      <t>ショウキボ</t>
    </rPh>
    <phoneticPr fontId="2"/>
  </si>
  <si>
    <t>⑱</t>
  </si>
  <si>
    <t>⑲</t>
  </si>
  <si>
    <t>小規模有料老人ホーム</t>
    <rPh sb="0" eb="3">
      <t>ショウキボ</t>
    </rPh>
    <phoneticPr fontId="2"/>
  </si>
  <si>
    <t>⑳</t>
  </si>
  <si>
    <t>㉑</t>
  </si>
  <si>
    <t>認知症対応型通所介護事業所</t>
    <phoneticPr fontId="2"/>
  </si>
  <si>
    <t>㉒</t>
  </si>
  <si>
    <t>⑬以外の小規模老人短期入所施設</t>
    <rPh sb="1" eb="3">
      <t>イガイ</t>
    </rPh>
    <phoneticPr fontId="2"/>
  </si>
  <si>
    <t>㉓</t>
  </si>
  <si>
    <t>㉔</t>
  </si>
  <si>
    <t>㉕</t>
  </si>
  <si>
    <t>㉖</t>
  </si>
  <si>
    <t>㉗</t>
  </si>
  <si>
    <t>㉘</t>
  </si>
  <si>
    <t>緊急ショートステイ</t>
    <rPh sb="0" eb="2">
      <t>キンキュウ</t>
    </rPh>
    <phoneticPr fontId="1"/>
  </si>
  <si>
    <t>施設内保育施設</t>
    <rPh sb="0" eb="3">
      <t>シセツナイ</t>
    </rPh>
    <rPh sb="3" eb="5">
      <t>ホイク</t>
    </rPh>
    <rPh sb="5" eb="7">
      <t>シセツ</t>
    </rPh>
    <phoneticPr fontId="1"/>
  </si>
  <si>
    <t>（別紙）</t>
    <rPh sb="1" eb="3">
      <t>ベッシ</t>
    </rPh>
    <phoneticPr fontId="2"/>
  </si>
  <si>
    <t>提出が必要な添付資料</t>
    <phoneticPr fontId="2"/>
  </si>
  <si>
    <t>補助対象外</t>
    <phoneticPr fontId="2"/>
  </si>
  <si>
    <t>対象経費</t>
    <phoneticPr fontId="2"/>
  </si>
  <si>
    <t>補助対象事業</t>
    <phoneticPr fontId="2"/>
  </si>
  <si>
    <t>耐震化整備</t>
    <phoneticPr fontId="2"/>
  </si>
  <si>
    <t>ブロック塀等改修整備</t>
    <phoneticPr fontId="2"/>
  </si>
  <si>
    <t>基準単価</t>
    <rPh sb="0" eb="2">
      <t>キジュン</t>
    </rPh>
    <rPh sb="2" eb="4">
      <t>タンカ</t>
    </rPh>
    <phoneticPr fontId="2"/>
  </si>
  <si>
    <t>補助（協議）の流れ</t>
    <rPh sb="0" eb="2">
      <t>ホジョ</t>
    </rPh>
    <rPh sb="3" eb="5">
      <t>キョウギ</t>
    </rPh>
    <rPh sb="7" eb="8">
      <t>ナガ</t>
    </rPh>
    <phoneticPr fontId="2"/>
  </si>
  <si>
    <t>留意事項</t>
    <rPh sb="0" eb="2">
      <t>リュウイ</t>
    </rPh>
    <rPh sb="2" eb="4">
      <t>ジコウ</t>
    </rPh>
    <phoneticPr fontId="2"/>
  </si>
  <si>
    <t>各事業分</t>
    <phoneticPr fontId="2"/>
  </si>
  <si>
    <t>共通</t>
    <phoneticPr fontId="2"/>
  </si>
  <si>
    <t>○</t>
    <phoneticPr fontId="2"/>
  </si>
  <si>
    <t>※２　定員規模に関わらない。</t>
    <rPh sb="3" eb="5">
      <t>テイイン</t>
    </rPh>
    <rPh sb="5" eb="7">
      <t>キボ</t>
    </rPh>
    <rPh sb="8" eb="9">
      <t>カカ</t>
    </rPh>
    <phoneticPr fontId="2"/>
  </si>
  <si>
    <t>※３　通所介護事業所は定員19人以上、地域密着通所介護事業所は定員18人以下。</t>
  </si>
  <si>
    <t>①</t>
    <phoneticPr fontId="2"/>
  </si>
  <si>
    <t>特別養護老人ホーム
及び併設される老人短期入所施設（※２）</t>
    <rPh sb="10" eb="11">
      <t>オヨ</t>
    </rPh>
    <rPh sb="12" eb="14">
      <t>ヘイセツ</t>
    </rPh>
    <rPh sb="17" eb="19">
      <t>ロウジン</t>
    </rPh>
    <phoneticPr fontId="2"/>
  </si>
  <si>
    <t>〇</t>
    <phoneticPr fontId="2"/>
  </si>
  <si>
    <t>②</t>
    <phoneticPr fontId="2"/>
  </si>
  <si>
    <t>③</t>
    <phoneticPr fontId="2"/>
  </si>
  <si>
    <t>介護老人保健施設</t>
    <phoneticPr fontId="2"/>
  </si>
  <si>
    <t>④</t>
    <phoneticPr fontId="2"/>
  </si>
  <si>
    <t>介護医療院</t>
    <phoneticPr fontId="2"/>
  </si>
  <si>
    <t>⑤</t>
    <phoneticPr fontId="2"/>
  </si>
  <si>
    <t>養護老人ホーム</t>
    <phoneticPr fontId="2"/>
  </si>
  <si>
    <t>⑥</t>
    <phoneticPr fontId="2"/>
  </si>
  <si>
    <t>⑦</t>
    <phoneticPr fontId="2"/>
  </si>
  <si>
    <t>通所介護事業所（※３）</t>
  </si>
  <si>
    <t>⑧</t>
    <phoneticPr fontId="2"/>
  </si>
  <si>
    <t>〇</t>
    <phoneticPr fontId="2"/>
  </si>
  <si>
    <t>地域密着型特別養護老人ホーム
及び併設される老人短期入所施設（※２）</t>
    <rPh sb="17" eb="19">
      <t>ヘイセツ</t>
    </rPh>
    <phoneticPr fontId="2"/>
  </si>
  <si>
    <t>小規模ケアハウス</t>
    <phoneticPr fontId="2"/>
  </si>
  <si>
    <t>〇</t>
    <phoneticPr fontId="2"/>
  </si>
  <si>
    <t>都市型軽費老人ホーム</t>
    <phoneticPr fontId="2"/>
  </si>
  <si>
    <t>小規模介護老人保健施設</t>
    <phoneticPr fontId="2"/>
  </si>
  <si>
    <t>小規模養護老人ホーム</t>
    <phoneticPr fontId="2"/>
  </si>
  <si>
    <t>〇</t>
    <phoneticPr fontId="2"/>
  </si>
  <si>
    <t>地域密着型通所介護事業所（※３）</t>
    <rPh sb="0" eb="2">
      <t>チイキ</t>
    </rPh>
    <rPh sb="2" eb="5">
      <t>ミッチャクガタ</t>
    </rPh>
    <phoneticPr fontId="2"/>
  </si>
  <si>
    <t>認知症高齢者グループホーム</t>
    <phoneticPr fontId="2"/>
  </si>
  <si>
    <t>小規模多機能型居宅介護事業所</t>
    <phoneticPr fontId="2"/>
  </si>
  <si>
    <t>看護小規模多機能型居宅介護事業所　</t>
    <phoneticPr fontId="2"/>
  </si>
  <si>
    <t>定期巡回・随時対応型訪問介護看護事業所</t>
    <phoneticPr fontId="2"/>
  </si>
  <si>
    <t>夜間対応型訪問介護ステーション</t>
    <phoneticPr fontId="2"/>
  </si>
  <si>
    <t>介護予防拠点</t>
    <phoneticPr fontId="2"/>
  </si>
  <si>
    <t>㉙</t>
    <phoneticPr fontId="2"/>
  </si>
  <si>
    <t>地域包括支援センター</t>
    <phoneticPr fontId="2"/>
  </si>
  <si>
    <t>㉚</t>
    <phoneticPr fontId="2"/>
  </si>
  <si>
    <t>生活支援ハウス（高齢者生活福祉センター）</t>
    <phoneticPr fontId="2"/>
  </si>
  <si>
    <t>㉛</t>
    <phoneticPr fontId="2"/>
  </si>
  <si>
    <t>㉜</t>
    <phoneticPr fontId="2"/>
  </si>
  <si>
    <t>認知症高齢者グループホーム等防災改修等
支援事業（大規模修繕等分）</t>
    <rPh sb="0" eb="3">
      <t>ニンチショウ</t>
    </rPh>
    <rPh sb="3" eb="6">
      <t>コウレイシャ</t>
    </rPh>
    <rPh sb="13" eb="14">
      <t>ナド</t>
    </rPh>
    <rPh sb="14" eb="16">
      <t>ボウサイ</t>
    </rPh>
    <rPh sb="16" eb="19">
      <t>カイシュウナド</t>
    </rPh>
    <rPh sb="20" eb="22">
      <t>シエン</t>
    </rPh>
    <rPh sb="22" eb="24">
      <t>ジギョウ</t>
    </rPh>
    <rPh sb="25" eb="28">
      <t>ダイキボ</t>
    </rPh>
    <rPh sb="28" eb="30">
      <t>シュウゼン</t>
    </rPh>
    <rPh sb="30" eb="31">
      <t>ナド</t>
    </rPh>
    <rPh sb="31" eb="32">
      <t>ブン</t>
    </rPh>
    <phoneticPr fontId="2"/>
  </si>
  <si>
    <t>第２の２のイ</t>
    <phoneticPr fontId="2"/>
  </si>
  <si>
    <t>第２の２のア、第３の２のア</t>
    <rPh sb="7" eb="8">
      <t>ダイ</t>
    </rPh>
    <phoneticPr fontId="2"/>
  </si>
  <si>
    <t>第３の２のイ</t>
    <rPh sb="0" eb="1">
      <t>ダイ</t>
    </rPh>
    <phoneticPr fontId="2"/>
  </si>
  <si>
    <t>第２の２のウ、第３の２のウ</t>
    <rPh sb="0" eb="1">
      <t>ダイ</t>
    </rPh>
    <rPh sb="7" eb="8">
      <t>ダイ</t>
    </rPh>
    <phoneticPr fontId="2"/>
  </si>
  <si>
    <t>高齢者施設等の非常用自家発電設備整備事業</t>
    <rPh sb="0" eb="3">
      <t>コウレイシャ</t>
    </rPh>
    <rPh sb="3" eb="6">
      <t>シセツナド</t>
    </rPh>
    <rPh sb="7" eb="10">
      <t>ヒジョウヨウ</t>
    </rPh>
    <rPh sb="10" eb="12">
      <t>ジカ</t>
    </rPh>
    <rPh sb="12" eb="14">
      <t>ハツデン</t>
    </rPh>
    <rPh sb="14" eb="16">
      <t>セツビ</t>
    </rPh>
    <rPh sb="16" eb="18">
      <t>セイビ</t>
    </rPh>
    <rPh sb="18" eb="20">
      <t>ジギョウ</t>
    </rPh>
    <phoneticPr fontId="2"/>
  </si>
  <si>
    <t>既存の小規模高齢者施設等のスプリンクラー設備等整備事業</t>
    <rPh sb="0" eb="2">
      <t>キソン</t>
    </rPh>
    <rPh sb="3" eb="6">
      <t>ショウキボ</t>
    </rPh>
    <rPh sb="6" eb="9">
      <t>コウレイシャ</t>
    </rPh>
    <rPh sb="9" eb="11">
      <t>シセツ</t>
    </rPh>
    <rPh sb="11" eb="12">
      <t>ナド</t>
    </rPh>
    <rPh sb="20" eb="22">
      <t>セツビ</t>
    </rPh>
    <rPh sb="22" eb="23">
      <t>ナド</t>
    </rPh>
    <phoneticPr fontId="2"/>
  </si>
  <si>
    <t>非常用自家発電設備整備</t>
    <phoneticPr fontId="2"/>
  </si>
  <si>
    <t>認知症高齢者グループホーム等防災改修等
支援事業（耐震化分）</t>
    <rPh sb="0" eb="3">
      <t>ニンチショウ</t>
    </rPh>
    <rPh sb="3" eb="6">
      <t>コウレイシャ</t>
    </rPh>
    <rPh sb="13" eb="14">
      <t>ナド</t>
    </rPh>
    <rPh sb="14" eb="16">
      <t>ボウサイ</t>
    </rPh>
    <rPh sb="16" eb="19">
      <t>カイシュウナド</t>
    </rPh>
    <rPh sb="20" eb="22">
      <t>シエン</t>
    </rPh>
    <rPh sb="22" eb="24">
      <t>ジギョウ</t>
    </rPh>
    <rPh sb="25" eb="28">
      <t>タイシンカ</t>
    </rPh>
    <rPh sb="28" eb="29">
      <t>ブン</t>
    </rPh>
    <rPh sb="29" eb="30">
      <t>トウブン</t>
    </rPh>
    <phoneticPr fontId="2"/>
  </si>
  <si>
    <t>認知症高齢者グループホーム等防災改修等
支援事業（非常用自家発電設備整備事業分）</t>
    <phoneticPr fontId="2"/>
  </si>
  <si>
    <t xml:space="preserve">○耐震化整備
（耐震診断の結果等で倒壊のおそれがあると市区町村長が認めたもの）
</t>
    <phoneticPr fontId="2"/>
  </si>
  <si>
    <t>高齢者施設等の安全対策強化事業</t>
    <rPh sb="0" eb="3">
      <t>コウレイシャ</t>
    </rPh>
    <rPh sb="3" eb="6">
      <t>シセツナド</t>
    </rPh>
    <rPh sb="7" eb="9">
      <t>アンゼン</t>
    </rPh>
    <rPh sb="9" eb="11">
      <t>タイサク</t>
    </rPh>
    <rPh sb="11" eb="13">
      <t>キョウカ</t>
    </rPh>
    <rPh sb="13" eb="15">
      <t>ジギョウ</t>
    </rPh>
    <phoneticPr fontId="2"/>
  </si>
  <si>
    <t>補助対象施設</t>
    <rPh sb="0" eb="2">
      <t>ホジョ</t>
    </rPh>
    <rPh sb="2" eb="4">
      <t>タイショウ</t>
    </rPh>
    <rPh sb="4" eb="6">
      <t>シセツ</t>
    </rPh>
    <phoneticPr fontId="2"/>
  </si>
  <si>
    <t>老人福祉センター（特Ａ型・Ａ型・Ｂ型）（※２）</t>
    <phoneticPr fontId="2"/>
  </si>
  <si>
    <t>老人介護支援センター（在宅介護支援センター）（※２）</t>
    <phoneticPr fontId="2"/>
  </si>
  <si>
    <t>在宅複合型施設（※２）</t>
    <phoneticPr fontId="2"/>
  </si>
  <si>
    <t>定員29人以下の
地域密着型・小規模施設等</t>
    <rPh sb="0" eb="2">
      <t>テイイン</t>
    </rPh>
    <rPh sb="4" eb="7">
      <t>ニンイカ</t>
    </rPh>
    <rPh sb="9" eb="11">
      <t>チイキ</t>
    </rPh>
    <rPh sb="11" eb="14">
      <t>ミッチャクガタ</t>
    </rPh>
    <rPh sb="15" eb="18">
      <t>ショウキボ</t>
    </rPh>
    <rPh sb="18" eb="20">
      <t>シセツ</t>
    </rPh>
    <rPh sb="20" eb="21">
      <t>ナド</t>
    </rPh>
    <phoneticPr fontId="2"/>
  </si>
  <si>
    <t>大規模修繕等</t>
    <rPh sb="3" eb="5">
      <t>シュウゼン</t>
    </rPh>
    <rPh sb="5" eb="6">
      <t>ナド</t>
    </rPh>
    <phoneticPr fontId="2"/>
  </si>
  <si>
    <t>○利用者の安全確保等の観点から老朽化に伴う大規模な修繕等
（補助対象内容は「別紙2 認知症高齢者グループホーム等防災改修等支援事業の取扱いについて」のとおり）</t>
    <rPh sb="30" eb="32">
      <t>ホジョ</t>
    </rPh>
    <rPh sb="34" eb="36">
      <t>ナイヨウ</t>
    </rPh>
    <phoneticPr fontId="2"/>
  </si>
  <si>
    <t>○利用者の安全確保等の観点から老朽化に伴う大規模な修繕等
（緊急災害用の自家発電設備の整備に限る）</t>
    <rPh sb="46" eb="47">
      <t>カギ</t>
    </rPh>
    <phoneticPr fontId="2"/>
  </si>
  <si>
    <t>スプリンクラー設備等整備</t>
    <rPh sb="7" eb="9">
      <t>セツビ</t>
    </rPh>
    <rPh sb="9" eb="10">
      <t>ナド</t>
    </rPh>
    <rPh sb="10" eb="12">
      <t>セイビ</t>
    </rPh>
    <phoneticPr fontId="2"/>
  </si>
  <si>
    <t>老人福祉施設付設作業所（※２）</t>
    <phoneticPr fontId="2"/>
  </si>
  <si>
    <t>○スプリンクラー設備等の整備
（定員のうち要介護３～５の入居者が半数以上を占める場合等、「避難が困難な要介護者を主として入居させるもの」に該当することが今後予想される施設を想定）</t>
    <rPh sb="8" eb="10">
      <t>セツビ</t>
    </rPh>
    <rPh sb="10" eb="11">
      <t>ナド</t>
    </rPh>
    <rPh sb="12" eb="14">
      <t>セイビ</t>
    </rPh>
    <rPh sb="16" eb="18">
      <t>テイイン</t>
    </rPh>
    <rPh sb="21" eb="24">
      <t>ヨウカイゴ</t>
    </rPh>
    <rPh sb="28" eb="31">
      <t>ニュウキョシャ</t>
    </rPh>
    <rPh sb="32" eb="34">
      <t>ハンスウ</t>
    </rPh>
    <rPh sb="34" eb="36">
      <t>イジョウ</t>
    </rPh>
    <rPh sb="37" eb="38">
      <t>シ</t>
    </rPh>
    <rPh sb="40" eb="43">
      <t>バアイナド</t>
    </rPh>
    <rPh sb="45" eb="47">
      <t>ヒナン</t>
    </rPh>
    <rPh sb="48" eb="50">
      <t>コンナン</t>
    </rPh>
    <rPh sb="51" eb="52">
      <t>ヨウ</t>
    </rPh>
    <rPh sb="52" eb="55">
      <t>カイゴシャ</t>
    </rPh>
    <rPh sb="56" eb="57">
      <t>シュ</t>
    </rPh>
    <rPh sb="60" eb="62">
      <t>ニュウキョ</t>
    </rPh>
    <rPh sb="69" eb="71">
      <t>ガイトウ</t>
    </rPh>
    <rPh sb="76" eb="78">
      <t>コンゴ</t>
    </rPh>
    <rPh sb="78" eb="80">
      <t>ヨソウ</t>
    </rPh>
    <rPh sb="83" eb="85">
      <t>シセツ</t>
    </rPh>
    <rPh sb="86" eb="88">
      <t>ソウテイ</t>
    </rPh>
    <phoneticPr fontId="2"/>
  </si>
  <si>
    <t>補助上限：9,710円/㎡（※1）
補助下限：なし</t>
    <rPh sb="10" eb="11">
      <t>エン</t>
    </rPh>
    <phoneticPr fontId="2"/>
  </si>
  <si>
    <t>○（※６）</t>
    <phoneticPr fontId="2"/>
  </si>
  <si>
    <t>△（※５）</t>
    <phoneticPr fontId="2"/>
  </si>
  <si>
    <t>△（※４）</t>
    <phoneticPr fontId="2"/>
  </si>
  <si>
    <t>※１　1,000㎡未満の施設が対象。また、別途、ポンプユニットは上限244万円/施設（スプリンクラー整備に伴うものに限る）、自動火災通報装置は108万円/施設（300㎡未満）、火災報知設備は32.5万円が上限額/施設（500㎡未満）がある。</t>
    <phoneticPr fontId="2"/>
  </si>
  <si>
    <t>※４　宿泊を伴うもののうち、都道府県知事が特に必要認めた場合に限る。</t>
    <rPh sb="3" eb="5">
      <t>シュクハク</t>
    </rPh>
    <rPh sb="6" eb="7">
      <t>トモナ</t>
    </rPh>
    <rPh sb="14" eb="18">
      <t>トドウフケン</t>
    </rPh>
    <rPh sb="18" eb="20">
      <t>チジ</t>
    </rPh>
    <rPh sb="21" eb="22">
      <t>トク</t>
    </rPh>
    <rPh sb="23" eb="25">
      <t>ヒツヨウ</t>
    </rPh>
    <rPh sb="25" eb="26">
      <t>ミト</t>
    </rPh>
    <rPh sb="28" eb="30">
      <t>バアイ</t>
    </rPh>
    <rPh sb="31" eb="32">
      <t>カギ</t>
    </rPh>
    <phoneticPr fontId="2"/>
  </si>
  <si>
    <t>※５　宿泊を伴うもののうち、市町村長が特に必要認めた場合に限る。</t>
    <rPh sb="3" eb="5">
      <t>シュクハク</t>
    </rPh>
    <rPh sb="6" eb="7">
      <t>トモナ</t>
    </rPh>
    <rPh sb="14" eb="18">
      <t>シチョウソンチョウ</t>
    </rPh>
    <rPh sb="19" eb="20">
      <t>トク</t>
    </rPh>
    <rPh sb="21" eb="23">
      <t>ヒツヨウ</t>
    </rPh>
    <rPh sb="23" eb="24">
      <t>ミト</t>
    </rPh>
    <rPh sb="26" eb="28">
      <t>バアイ</t>
    </rPh>
    <rPh sb="29" eb="30">
      <t>カギ</t>
    </rPh>
    <phoneticPr fontId="2"/>
  </si>
  <si>
    <t>※６　生活支援ハウスのほか、宿泊を伴う高齢者施設等のうち、市町村長が特に必要と認めた施設を含む。</t>
    <rPh sb="3" eb="5">
      <t>セイカツ</t>
    </rPh>
    <rPh sb="5" eb="7">
      <t>シエン</t>
    </rPh>
    <rPh sb="14" eb="16">
      <t>シュクハク</t>
    </rPh>
    <rPh sb="17" eb="18">
      <t>トモナ</t>
    </rPh>
    <rPh sb="19" eb="22">
      <t>コウレイシャ</t>
    </rPh>
    <rPh sb="22" eb="24">
      <t>シセツ</t>
    </rPh>
    <rPh sb="24" eb="25">
      <t>ナド</t>
    </rPh>
    <rPh sb="29" eb="33">
      <t>シチョウソンチョウ</t>
    </rPh>
    <rPh sb="34" eb="35">
      <t>トク</t>
    </rPh>
    <rPh sb="36" eb="38">
      <t>ヒツヨウ</t>
    </rPh>
    <rPh sb="39" eb="40">
      <t>ミト</t>
    </rPh>
    <rPh sb="42" eb="44">
      <t>シセツ</t>
    </rPh>
    <rPh sb="45" eb="46">
      <t>フク</t>
    </rPh>
    <phoneticPr fontId="2"/>
  </si>
  <si>
    <t>給水設備整備</t>
    <rPh sb="0" eb="2">
      <t>キュウスイ</t>
    </rPh>
    <rPh sb="2" eb="4">
      <t>セツビ</t>
    </rPh>
    <rPh sb="4" eb="6">
      <t>セイビ</t>
    </rPh>
    <phoneticPr fontId="2"/>
  </si>
  <si>
    <t>高齢者施設等の給水設備整備事業</t>
    <rPh sb="0" eb="3">
      <t>コウレイシャ</t>
    </rPh>
    <rPh sb="3" eb="5">
      <t>シセツ</t>
    </rPh>
    <rPh sb="5" eb="6">
      <t>トウ</t>
    </rPh>
    <rPh sb="7" eb="9">
      <t>キュウスイ</t>
    </rPh>
    <rPh sb="9" eb="11">
      <t>セツビ</t>
    </rPh>
    <rPh sb="11" eb="13">
      <t>セイビ</t>
    </rPh>
    <rPh sb="13" eb="15">
      <t>ジギョウ</t>
    </rPh>
    <phoneticPr fontId="2"/>
  </si>
  <si>
    <t>〇（特養に限る）</t>
    <rPh sb="2" eb="4">
      <t>トクヨウ</t>
    </rPh>
    <rPh sb="5" eb="6">
      <t>カギ</t>
    </rPh>
    <phoneticPr fontId="2"/>
  </si>
  <si>
    <t>〇</t>
    <phoneticPr fontId="2"/>
  </si>
  <si>
    <t>○（特養に限る）</t>
    <phoneticPr fontId="2"/>
  </si>
  <si>
    <t>ー</t>
  </si>
  <si>
    <t>ー</t>
    <phoneticPr fontId="2"/>
  </si>
  <si>
    <t>補助上限：773万円 or 1,540万円/施設
補助下限：80万円/施設（ただし、非常用自家発電設備整備はなし）</t>
    <phoneticPr fontId="2"/>
  </si>
  <si>
    <t>補助上限：なし
補助下限：総事業費500万円
（ただし、燃料タンクを除く）</t>
    <rPh sb="0" eb="2">
      <t>ホジョ</t>
    </rPh>
    <rPh sb="2" eb="4">
      <t>ジョウゲン</t>
    </rPh>
    <rPh sb="8" eb="10">
      <t>ホジョ</t>
    </rPh>
    <rPh sb="10" eb="12">
      <t>カゲン</t>
    </rPh>
    <rPh sb="13" eb="14">
      <t>ソウ</t>
    </rPh>
    <rPh sb="14" eb="17">
      <t>ジギョウヒ</t>
    </rPh>
    <rPh sb="20" eb="21">
      <t>マン</t>
    </rPh>
    <rPh sb="21" eb="22">
      <t>エン</t>
    </rPh>
    <rPh sb="28" eb="30">
      <t>ネンリョウ</t>
    </rPh>
    <rPh sb="34" eb="35">
      <t>ノゾ</t>
    </rPh>
    <phoneticPr fontId="2"/>
  </si>
  <si>
    <t>〇</t>
    <phoneticPr fontId="2"/>
  </si>
  <si>
    <t>〇</t>
    <phoneticPr fontId="2"/>
  </si>
  <si>
    <t>〇（1,540万円）（特養に限る）</t>
    <rPh sb="7" eb="8">
      <t>マン</t>
    </rPh>
    <rPh sb="8" eb="9">
      <t>エン</t>
    </rPh>
    <phoneticPr fontId="2"/>
  </si>
  <si>
    <t>〇（1,540万円）</t>
    <rPh sb="7" eb="8">
      <t>マン</t>
    </rPh>
    <rPh sb="8" eb="9">
      <t>エン</t>
    </rPh>
    <phoneticPr fontId="2"/>
  </si>
  <si>
    <t>〇（773万円）</t>
    <rPh sb="6" eb="7">
      <t>エン</t>
    </rPh>
    <phoneticPr fontId="2"/>
  </si>
  <si>
    <t>ー</t>
    <phoneticPr fontId="2"/>
  </si>
  <si>
    <t>○給水設備整備
（受水槽・地下水利用のための設備）</t>
    <rPh sb="1" eb="3">
      <t>キュウスイ</t>
    </rPh>
    <rPh sb="3" eb="5">
      <t>セツビ</t>
    </rPh>
    <rPh sb="5" eb="7">
      <t>セイビ</t>
    </rPh>
    <phoneticPr fontId="2"/>
  </si>
  <si>
    <t>５（１）</t>
    <phoneticPr fontId="2"/>
  </si>
  <si>
    <t>５（２）</t>
    <phoneticPr fontId="2"/>
  </si>
  <si>
    <t>地域介護・福祉空間整備等施設整備交付金実施要綱（案）</t>
    <rPh sb="24" eb="25">
      <t>アン</t>
    </rPh>
    <phoneticPr fontId="2"/>
  </si>
  <si>
    <t>地域介護・福祉空間整備等施設整備交付金交付要綱（案）</t>
    <rPh sb="19" eb="21">
      <t>コウフ</t>
    </rPh>
    <rPh sb="24" eb="25">
      <t>アン</t>
    </rPh>
    <phoneticPr fontId="2"/>
  </si>
  <si>
    <t>○非常用自家発電設備整備（燃料タンクを含む）
（緊急災害用の自家発電設備の整備）</t>
    <rPh sb="13" eb="15">
      <t>ネンリョウ</t>
    </rPh>
    <rPh sb="19" eb="20">
      <t>フク</t>
    </rPh>
    <phoneticPr fontId="2"/>
  </si>
  <si>
    <t>第２の２のエ、第３の２のエ</t>
    <rPh sb="0" eb="1">
      <t>ダイ</t>
    </rPh>
    <rPh sb="7" eb="8">
      <t>ダイ</t>
    </rPh>
    <phoneticPr fontId="2"/>
  </si>
  <si>
    <t>補助率：定額</t>
    <phoneticPr fontId="2"/>
  </si>
  <si>
    <t>５（１）</t>
    <phoneticPr fontId="2"/>
  </si>
  <si>
    <t>５（１）</t>
    <phoneticPr fontId="2"/>
  </si>
  <si>
    <t>○ブロック塀等改修整備
（安全点検の結果、劣化、損傷や高さ、控え壁等に問題があるブロック塀等の改修。ブロック塀の安全点検の実施方法は「別紙３　社会福祉施設等のブロック塀等の安全点検について」を参照）</t>
    <rPh sb="13" eb="15">
      <t>アンゼン</t>
    </rPh>
    <rPh sb="15" eb="17">
      <t>テンケン</t>
    </rPh>
    <rPh sb="18" eb="20">
      <t>ケッカ</t>
    </rPh>
    <rPh sb="44" eb="45">
      <t>ベイ</t>
    </rPh>
    <rPh sb="45" eb="46">
      <t>ナド</t>
    </rPh>
    <rPh sb="47" eb="49">
      <t>カイシュウ</t>
    </rPh>
    <rPh sb="54" eb="55">
      <t>ベイ</t>
    </rPh>
    <rPh sb="56" eb="58">
      <t>アンゼン</t>
    </rPh>
    <rPh sb="58" eb="60">
      <t>テンケン</t>
    </rPh>
    <rPh sb="61" eb="63">
      <t>ジッシ</t>
    </rPh>
    <rPh sb="63" eb="65">
      <t>ホウホウ</t>
    </rPh>
    <rPh sb="67" eb="69">
      <t>ベッシ</t>
    </rPh>
    <rPh sb="96" eb="98">
      <t>サンショウ</t>
    </rPh>
    <phoneticPr fontId="2"/>
  </si>
  <si>
    <r>
      <t xml:space="preserve">補助上限：なし
補助下限：総事業費500万円
</t>
    </r>
    <r>
      <rPr>
        <sz val="14"/>
        <rFont val="メイリオ"/>
        <family val="3"/>
        <charset val="128"/>
      </rPr>
      <t>（ただし、定員29人以下の地域密着型・小規模施設等はなし）</t>
    </r>
    <rPh sb="0" eb="2">
      <t>ホジョ</t>
    </rPh>
    <rPh sb="2" eb="4">
      <t>ジョウゲン</t>
    </rPh>
    <rPh sb="8" eb="10">
      <t>ホジョ</t>
    </rPh>
    <rPh sb="10" eb="12">
      <t>カゲン</t>
    </rPh>
    <rPh sb="13" eb="14">
      <t>ソウ</t>
    </rPh>
    <rPh sb="14" eb="17">
      <t>ジギョウヒ</t>
    </rPh>
    <rPh sb="20" eb="21">
      <t>マン</t>
    </rPh>
    <rPh sb="21" eb="22">
      <t>エン</t>
    </rPh>
    <rPh sb="36" eb="38">
      <t>チイキ</t>
    </rPh>
    <rPh sb="38" eb="41">
      <t>ミッチャクガタ</t>
    </rPh>
    <rPh sb="42" eb="45">
      <t>ショウキボ</t>
    </rPh>
    <rPh sb="45" eb="47">
      <t>シセツ</t>
    </rPh>
    <rPh sb="47" eb="48">
      <t>トウ</t>
    </rPh>
    <phoneticPr fontId="2"/>
  </si>
  <si>
    <t>　先進的事業整備計画に基づく事業の施設の整備（施設の整備と一体的に整備されるものであって、地方厚生（支）局長が必要と認めた整備を含む。）に必要な工事費又は工事請負費及び工事事務費（工事施工のため直接必要な事務に要する費用であって、旅費、消耗品費、通信運搬費、印刷製本費及び設計監督料等（非常用自家発電設備整備事業については事業所及び施設等の自家発電設備の設置に必要な備品購入費（備品設置に伴う工事請負費、運搬費を含む。）を含む。）をいい、その額は、工事費又は工事請負費の２．６％に相当する額を限度額とする｡)｡
　ただし、別の負担（補助）金等において別途補助対象とする費用を除き、工事費又は工事請負費には、これと同等と認められる委託費、分担金及び適当と認められる購入費等を含む。</t>
    <rPh sb="143" eb="152">
      <t>ヒジョウヨウジカハツデンセツビ</t>
    </rPh>
    <rPh sb="152" eb="154">
      <t>セイビ</t>
    </rPh>
    <rPh sb="154" eb="156">
      <t>ジギョウ</t>
    </rPh>
    <rPh sb="211" eb="212">
      <t>フク</t>
    </rPh>
    <phoneticPr fontId="2"/>
  </si>
  <si>
    <t xml:space="preserve"> ア　既存の小規模高齢者施設のスプリンクラー設備等整備特事業を実施するに
      あたり、㎡単価による支援であることから、その補助対象面積については
      厳格に算定する必要があるため、「別紙４　スプリンクラー設備等の整備
      に係る補助対象面積の確認作業について」をよく確認すること。
 イ　また、協議に際して、各階の平面図・求積図等の建物の各部分の面積が確
      認できる書類、その他必要な書類等の添付するとともに、「提出が必要な
      添付資料」と合わせて別添３「スプリンクラー設備等の整備に係る補助対
      象面積確認シート」に記入の上、２部提出すること。</t>
    <rPh sb="6" eb="9">
      <t>ショウキボ</t>
    </rPh>
    <rPh sb="9" eb="12">
      <t>コウレイシャ</t>
    </rPh>
    <rPh sb="22" eb="24">
      <t>セツビ</t>
    </rPh>
    <rPh sb="24" eb="25">
      <t>ナド</t>
    </rPh>
    <rPh sb="99" eb="101">
      <t>ベッシ</t>
    </rPh>
    <rPh sb="145" eb="147">
      <t>カクニン</t>
    </rPh>
    <phoneticPr fontId="2"/>
  </si>
  <si>
    <t xml:space="preserve"> ア　同一施設について、補助対象事業が複数にわたる場合は、それぞれの事業を区別し、見積もり等を分けること。その際、各事業の対象部分が重複しないよう留意すること。
 イ　本事業は施設・事業所ごとに補助を行うため、複合型施設（一つの建物の中に複数の補助対象事業所等が設置されている施設）においては、それぞれの補助対象施設・事業所ごとに対象経費の実支出額を求めること。
 　　なお、対象経費の実支出額が複合型施設全体にしか出せない場合等については、複合型施設全体にかかる対象経費の実支出額をそれぞれの施設・事業所の専有面積で按分することにより、施設・事業所ごとの対象経費の実支出額を算出すること。
 ウ　過去に（当該補助金以外の）補助金等の交付を受けて取得し、又は効用の増加した財産について、財産処分（取り壊し、廃棄等）を行う場合、「厚生労働省所管一般会計補助金等に係る財産処分について」（平成20年月17日老発0417001号厚生労働省老健局長通知）に基づき、手続きに遺漏のないようご留意願いたい。
 エ　本事業については、原則、一事業所につき一回を限度として申請することができるものとする。
 オ　協議の採択に当たって一定程度配慮するため、強くしなやかな国民生活の実現を図るための防災・減災に資する国土強靭化基本法（平成２５年１２月１１日法律第９５号）第１３条に定める国土強靭化地域計画に記載のある事業は、「先進的事業整備計画書（別添１）」及び「整備計画一覧表（別添２）」の「国土強靱化地域計画への記載」欄に「有」の記載をすること（ドロップダウンリストの選択）。</t>
    <rPh sb="3" eb="5">
      <t>ドウイツ</t>
    </rPh>
    <rPh sb="5" eb="7">
      <t>シセツ</t>
    </rPh>
    <rPh sb="12" eb="14">
      <t>ホジョ</t>
    </rPh>
    <rPh sb="14" eb="16">
      <t>タイショウ</t>
    </rPh>
    <rPh sb="16" eb="18">
      <t>ジギョウ</t>
    </rPh>
    <rPh sb="19" eb="21">
      <t>フクスウ</t>
    </rPh>
    <rPh sb="25" eb="27">
      <t>バアイ</t>
    </rPh>
    <rPh sb="34" eb="36">
      <t>ジギョウ</t>
    </rPh>
    <rPh sb="37" eb="39">
      <t>クベツ</t>
    </rPh>
    <rPh sb="41" eb="43">
      <t>ミツ</t>
    </rPh>
    <rPh sb="45" eb="46">
      <t>ナド</t>
    </rPh>
    <rPh sb="47" eb="48">
      <t>ワ</t>
    </rPh>
    <rPh sb="55" eb="56">
      <t>サイ</t>
    </rPh>
    <rPh sb="57" eb="60">
      <t>カクジギョウ</t>
    </rPh>
    <rPh sb="61" eb="63">
      <t>タイショウ</t>
    </rPh>
    <rPh sb="63" eb="65">
      <t>ブブン</t>
    </rPh>
    <rPh sb="66" eb="68">
      <t>チョウフク</t>
    </rPh>
    <rPh sb="73" eb="75">
      <t>リュウイ</t>
    </rPh>
    <rPh sb="305" eb="307">
      <t>トウガイ</t>
    </rPh>
    <rPh sb="307" eb="310">
      <t>ホジョキン</t>
    </rPh>
    <rPh sb="310" eb="312">
      <t>イガイ</t>
    </rPh>
    <rPh sb="345" eb="347">
      <t>ザイサン</t>
    </rPh>
    <rPh sb="347" eb="349">
      <t>ショブン</t>
    </rPh>
    <rPh sb="350" eb="351">
      <t>ト</t>
    </rPh>
    <rPh sb="352" eb="353">
      <t>コワ</t>
    </rPh>
    <rPh sb="355" eb="357">
      <t>ハイキ</t>
    </rPh>
    <rPh sb="357" eb="358">
      <t>ナド</t>
    </rPh>
    <rPh sb="434" eb="436">
      <t>イロウ</t>
    </rPh>
    <rPh sb="502" eb="504">
      <t>キョウギ</t>
    </rPh>
    <rPh sb="623" eb="624">
      <t>オヨ</t>
    </rPh>
    <rPh sb="641" eb="643">
      <t>コクド</t>
    </rPh>
    <rPh sb="643" eb="646">
      <t>キョウジンカ</t>
    </rPh>
    <rPh sb="646" eb="648">
      <t>チイキ</t>
    </rPh>
    <rPh sb="648" eb="650">
      <t>ケイカク</t>
    </rPh>
    <rPh sb="652" eb="654">
      <t>キサイ</t>
    </rPh>
    <phoneticPr fontId="2"/>
  </si>
  <si>
    <t xml:space="preserve"> 次のいずれか低い方の価格を基準価格とする。
　ア　公的機関（都道府県又は市町村の建築課等）の見積
　イ　工事請負業者等の民間事業者の見積</t>
    <rPh sb="1" eb="2">
      <t>ツギ</t>
    </rPh>
    <rPh sb="7" eb="8">
      <t>ヒク</t>
    </rPh>
    <rPh sb="9" eb="10">
      <t>ホウ</t>
    </rPh>
    <rPh sb="11" eb="13">
      <t>カカク</t>
    </rPh>
    <rPh sb="14" eb="16">
      <t>キジュン</t>
    </rPh>
    <rPh sb="16" eb="18">
      <t>カカク</t>
    </rPh>
    <rPh sb="26" eb="28">
      <t>コウテキ</t>
    </rPh>
    <rPh sb="28" eb="30">
      <t>キカン</t>
    </rPh>
    <rPh sb="31" eb="35">
      <t>トドウフケン</t>
    </rPh>
    <rPh sb="35" eb="36">
      <t>マタ</t>
    </rPh>
    <rPh sb="37" eb="40">
      <t>シチョウソン</t>
    </rPh>
    <rPh sb="41" eb="44">
      <t>ケンチクカ</t>
    </rPh>
    <rPh sb="44" eb="45">
      <t>ナド</t>
    </rPh>
    <rPh sb="47" eb="49">
      <t>ミツモリ</t>
    </rPh>
    <rPh sb="53" eb="55">
      <t>コウジ</t>
    </rPh>
    <rPh sb="55" eb="57">
      <t>ウケオイ</t>
    </rPh>
    <rPh sb="57" eb="59">
      <t>ギョウシャ</t>
    </rPh>
    <rPh sb="59" eb="60">
      <t>トウ</t>
    </rPh>
    <rPh sb="61" eb="63">
      <t>ミンカン</t>
    </rPh>
    <rPh sb="63" eb="66">
      <t>ジギョウシャ</t>
    </rPh>
    <rPh sb="67" eb="69">
      <t>ミツ</t>
    </rPh>
    <phoneticPr fontId="2"/>
  </si>
  <si>
    <t xml:space="preserve"> 下記の書類を添付すること。
　ア　平面図、位置図、写真等（現況及び改修箇所が分かるもの）
　イ　見積書（公的機関（都道府県又は市区町村の建築課等の見積もり）、工事請負業者等の民間事業者）※公的機関の見積の提出が難しい場合においては、工事請負業者等の見積を複数提出すること。</t>
    <rPh sb="53" eb="55">
      <t>コウテキ</t>
    </rPh>
    <rPh sb="55" eb="57">
      <t>キカン</t>
    </rPh>
    <rPh sb="58" eb="62">
      <t>トドウフケン</t>
    </rPh>
    <rPh sb="62" eb="63">
      <t>マタ</t>
    </rPh>
    <rPh sb="64" eb="68">
      <t>シクチョウソン</t>
    </rPh>
    <rPh sb="69" eb="71">
      <t>ケンチク</t>
    </rPh>
    <rPh sb="71" eb="72">
      <t>カ</t>
    </rPh>
    <rPh sb="72" eb="73">
      <t>ナド</t>
    </rPh>
    <rPh sb="74" eb="76">
      <t>ミツ</t>
    </rPh>
    <rPh sb="80" eb="82">
      <t>コウジ</t>
    </rPh>
    <rPh sb="82" eb="84">
      <t>ウケオイ</t>
    </rPh>
    <rPh sb="84" eb="86">
      <t>ギョウシャ</t>
    </rPh>
    <rPh sb="86" eb="87">
      <t>ナド</t>
    </rPh>
    <rPh sb="88" eb="90">
      <t>ミンカン</t>
    </rPh>
    <rPh sb="90" eb="93">
      <t>ジギョウシャ</t>
    </rPh>
    <rPh sb="95" eb="97">
      <t>コウテキ</t>
    </rPh>
    <rPh sb="97" eb="99">
      <t>キカン</t>
    </rPh>
    <rPh sb="100" eb="102">
      <t>ミツモリ</t>
    </rPh>
    <rPh sb="103" eb="105">
      <t>テイシュツ</t>
    </rPh>
    <rPh sb="106" eb="107">
      <t>ムズカ</t>
    </rPh>
    <rPh sb="109" eb="111">
      <t>バアイ</t>
    </rPh>
    <rPh sb="117" eb="123">
      <t>コウジウケオイギョウシャ</t>
    </rPh>
    <rPh sb="123" eb="124">
      <t>ナド</t>
    </rPh>
    <rPh sb="125" eb="127">
      <t>ミツモリ</t>
    </rPh>
    <phoneticPr fontId="2"/>
  </si>
  <si>
    <t xml:space="preserve">
 ア　安全性に問題のあるブロック塀等の撤去、再設置、改修にかかる
      工事費等が対象となるが安全性に問題のないブロック塀等（当該
      安全性に問題があるブロック塀等に接続されているものに限
      る。）も合わせて一時的に撤去しなければならない場合には、安
      全性に問題のないブロック塀等に係る費用も補助対象とみなす。</t>
    <rPh sb="45" eb="47">
      <t>タイショウ</t>
    </rPh>
    <phoneticPr fontId="2"/>
  </si>
  <si>
    <t xml:space="preserve">
 ア　対象施設の目的以外の用途に使用するためのもの
 イ　消防法施行令等の各法令違反にある状態を改善することを目的としたもの
 ウ　本交付金の他の事業による助成対象となる事業
 エ　その他、支援事業として適当と認められないもの
 オ　協議時点で届け出が完了していない有料老人ホーム
 カ　別添2-1 整備計画一覧表のうち、年間、月間の両方ともに利用人数実績（宿
      泊利用者／総数）が５%以下の宿泊を伴う通所介護事業所（地域密着型含
      む）、認知症対応型通所介護事業所
</t>
    <rPh sb="123" eb="125">
      <t>キョウギ</t>
    </rPh>
    <rPh sb="125" eb="127">
      <t>ジテン</t>
    </rPh>
    <rPh sb="128" eb="129">
      <t>トド</t>
    </rPh>
    <rPh sb="130" eb="131">
      <t>デ</t>
    </rPh>
    <rPh sb="132" eb="134">
      <t>カンリョウ</t>
    </rPh>
    <rPh sb="139" eb="141">
      <t>ユウリョウ</t>
    </rPh>
    <rPh sb="141" eb="143">
      <t>ロウジン</t>
    </rPh>
    <rPh sb="150" eb="152">
      <t>ベッテン</t>
    </rPh>
    <rPh sb="156" eb="158">
      <t>セイビ</t>
    </rPh>
    <rPh sb="158" eb="160">
      <t>ケイカク</t>
    </rPh>
    <rPh sb="160" eb="163">
      <t>イチランヒョウ</t>
    </rPh>
    <rPh sb="167" eb="169">
      <t>ネンカン</t>
    </rPh>
    <rPh sb="170" eb="172">
      <t>ゲッカン</t>
    </rPh>
    <rPh sb="173" eb="175">
      <t>リョウホウ</t>
    </rPh>
    <rPh sb="220" eb="222">
      <t>チイキ</t>
    </rPh>
    <rPh sb="225" eb="226">
      <t>フク</t>
    </rPh>
    <phoneticPr fontId="2"/>
  </si>
  <si>
    <t xml:space="preserve"> 
 ア　建物の維持管理の義務を怠ったことに起因したもの
 イ　設計の不備又は工事施工の粗漏に起因したもの
 ウ　対象施設の目的以外の用途に使用するためのもの
 エ　建築基準法等の各法令違反にある状態を改善することを目的とし
      たもの
 オ　本交付金の他の事業による助成対象となる事業
 カ　その他、支援事業として適当と認められないもの</t>
    <rPh sb="155" eb="157">
      <t>シエン</t>
    </rPh>
    <phoneticPr fontId="2"/>
  </si>
  <si>
    <t>　
 ア　設計の不備又は工事施工の粗漏に起因したもの
 イ　対象施設の目的以外の用途に使用するためのもの
 ウ　本交付金の他の事業による助成対象となる事業
 エ　その他、整備事業として適当と認められないもの
 オ　燃料費等、設備の設置後、稼働に要するものを含む事業</t>
    <rPh sb="134" eb="136">
      <t>ジギョウ</t>
    </rPh>
    <phoneticPr fontId="2"/>
  </si>
  <si>
    <t>　
 ア　設計の不備又は工事施工の粗漏に起因したもの
 イ　対象施設の目的以外の用途に使用するためのもの
 ウ　本交付金の他の事業による助成対象となる事業
 エ　その他、整備事業として適当と認められないもの
 オ　光熱水費等、設備の設置後、稼働に要するものを含む事業</t>
    <rPh sb="111" eb="113">
      <t>コウネツ</t>
    </rPh>
    <rPh sb="113" eb="114">
      <t>スイ</t>
    </rPh>
    <phoneticPr fontId="2"/>
  </si>
  <si>
    <t xml:space="preserve">
 ア　対象施設の目的以外の用途に使用するためのもの
 イ　本交付金の他の事業による助成対象となる事業
 ウ　その他、支援事業として適当と認められないもの　
 エ　ブロック塀等の撤去のみを行う事業</t>
    <rPh sb="91" eb="92">
      <t>ベイ</t>
    </rPh>
    <rPh sb="92" eb="93">
      <t>ナド</t>
    </rPh>
    <rPh sb="99" eb="100">
      <t>オコナ</t>
    </rPh>
    <rPh sb="101" eb="103">
      <t>ジギョウ</t>
    </rPh>
    <phoneticPr fontId="2"/>
  </si>
  <si>
    <t xml:space="preserve"> 
 ア　建物の維持管理の義務を怠ったことに起因したもの
 イ　設計の不備又は工事施工の粗漏に起因したもの
 ウ　対象施設の目的以外の用途に使用するためのもの
 エ　建築基準法等の各法令違反にある状態を改善することを目的としたもの
 オ　本交付金の他の事業による助成対象となる事業
 カ　その他、支援事業として適当と認められないもの</t>
    <rPh sb="149" eb="151">
      <t>シエン</t>
    </rPh>
    <phoneticPr fontId="2"/>
  </si>
  <si>
    <t>認知症高齢者グループホーム等防災改修等
支援事業（水害対策強化事業分）</t>
    <phoneticPr fontId="2"/>
  </si>
  <si>
    <t>高齢者施設等の水害対策強化事業</t>
  </si>
  <si>
    <t>高齢者施設等の水害対策強化事業</t>
    <phoneticPr fontId="2"/>
  </si>
  <si>
    <t>補助率：定額</t>
    <phoneticPr fontId="2"/>
  </si>
  <si>
    <t>補助率：国1/2、自治体1/4、事業者1/4</t>
    <phoneticPr fontId="2"/>
  </si>
  <si>
    <t>補助上限：773万円 or 1,540万円/施設
補助下限：80万円/施設</t>
    <phoneticPr fontId="2"/>
  </si>
  <si>
    <t>補助上限：なし
補助下限：総事業費80万円/施設</t>
    <phoneticPr fontId="2"/>
  </si>
  <si>
    <t>水害対策強化事業</t>
    <phoneticPr fontId="2"/>
  </si>
  <si>
    <t>ー</t>
    <phoneticPr fontId="2"/>
  </si>
  <si>
    <t>〇（1,540万円）（特養に限る）</t>
    <phoneticPr fontId="2"/>
  </si>
  <si>
    <t>〇（1,540万円）</t>
    <phoneticPr fontId="2"/>
  </si>
  <si>
    <t>〇（773万円）</t>
    <phoneticPr fontId="2"/>
  </si>
  <si>
    <t>○</t>
    <phoneticPr fontId="2"/>
  </si>
  <si>
    <t>第２の２のイ</t>
    <phoneticPr fontId="2"/>
  </si>
  <si>
    <t>第３の２のウ</t>
    <phoneticPr fontId="2"/>
  </si>
  <si>
    <t>５（１）</t>
    <phoneticPr fontId="2"/>
  </si>
  <si>
    <t>５（２）</t>
    <phoneticPr fontId="2"/>
  </si>
  <si>
    <t>ア 水害対策強化事業については、補助対象を水害等の発生が懸念される地域にある施設・事業所に限る。該当地域につ
いては、別紙２－３を参照することとする。
イ 過去に認知症高齢者グループホーム等防災改修等支援事業において、耐震化整備、大規模修繕等、非常用自家発電設
備整備事業を実施した施設・事業所でも申請できるものとする。</t>
    <phoneticPr fontId="2"/>
  </si>
  <si>
    <t xml:space="preserve">
ア　設計の不備又は工事施工の粗漏に起因したもの
 イ　対象施設の目的以外の用途に使用するためのもの
 ウ　本交付金の他の事業による助成対象となる事業
 エ　その他、整備事業として適当と認められないもの
 オ　光熱水費等、設備の設置後、稼働に要するものを含む事業</t>
    <phoneticPr fontId="2"/>
  </si>
  <si>
    <t>介護施設等の換気設備の設置事業</t>
    <rPh sb="0" eb="2">
      <t>カイゴ</t>
    </rPh>
    <rPh sb="2" eb="4">
      <t>シセツ</t>
    </rPh>
    <rPh sb="4" eb="5">
      <t>トウ</t>
    </rPh>
    <rPh sb="6" eb="8">
      <t>カンキ</t>
    </rPh>
    <rPh sb="8" eb="10">
      <t>セツビ</t>
    </rPh>
    <rPh sb="11" eb="13">
      <t>セッチ</t>
    </rPh>
    <rPh sb="13" eb="15">
      <t>ジギョウ</t>
    </rPh>
    <phoneticPr fontId="2"/>
  </si>
  <si>
    <t>補助上限：4,000円／㎡
補助下限：なし</t>
    <rPh sb="0" eb="2">
      <t>ホジョ</t>
    </rPh>
    <rPh sb="2" eb="4">
      <t>ジョウゲン</t>
    </rPh>
    <rPh sb="10" eb="11">
      <t>エン</t>
    </rPh>
    <rPh sb="14" eb="16">
      <t>ホジョ</t>
    </rPh>
    <rPh sb="16" eb="18">
      <t>カゲン</t>
    </rPh>
    <phoneticPr fontId="2"/>
  </si>
  <si>
    <t>高齢者施設等における換気設備の設置に係る経費支援事業</t>
    <rPh sb="0" eb="3">
      <t>コウレイシャ</t>
    </rPh>
    <rPh sb="3" eb="5">
      <t>シセツ</t>
    </rPh>
    <rPh sb="5" eb="6">
      <t>トウ</t>
    </rPh>
    <rPh sb="10" eb="12">
      <t>カンキ</t>
    </rPh>
    <rPh sb="12" eb="14">
      <t>セツビ</t>
    </rPh>
    <rPh sb="15" eb="17">
      <t>セッチ</t>
    </rPh>
    <rPh sb="18" eb="19">
      <t>カカワ</t>
    </rPh>
    <rPh sb="20" eb="22">
      <t>ケイヒ</t>
    </rPh>
    <rPh sb="22" eb="24">
      <t>シエン</t>
    </rPh>
    <rPh sb="24" eb="26">
      <t>ジギョウ</t>
    </rPh>
    <phoneticPr fontId="2"/>
  </si>
  <si>
    <t>第２の２のオ、第３の２のカ</t>
    <rPh sb="0" eb="1">
      <t>ダイ</t>
    </rPh>
    <rPh sb="7" eb="8">
      <t>ダイ</t>
    </rPh>
    <phoneticPr fontId="2"/>
  </si>
  <si>
    <t>　　　　　　　　　　　　　　　　　　　　地域介護・福祉空間整備等施設整備交付金における令和３年度当初予算（案）の協議について</t>
    <rPh sb="20" eb="24">
      <t>チイキカイゴ</t>
    </rPh>
    <rPh sb="25" eb="39">
      <t>フクシクウカンセイビトウシセツセイビコウフキン</t>
    </rPh>
    <rPh sb="43" eb="45">
      <t>レイワ</t>
    </rPh>
    <rPh sb="46" eb="48">
      <t>ネンド</t>
    </rPh>
    <rPh sb="47" eb="48">
      <t>ド</t>
    </rPh>
    <rPh sb="48" eb="50">
      <t>トウショ</t>
    </rPh>
    <rPh sb="50" eb="52">
      <t>ヨサン</t>
    </rPh>
    <rPh sb="53" eb="54">
      <t>アン</t>
    </rPh>
    <rPh sb="56" eb="58">
      <t>キョウギ</t>
    </rPh>
    <phoneticPr fontId="2"/>
  </si>
  <si>
    <t xml:space="preserve">
エ 上記共通のエの例外として、施設の老朽化に伴う大規模修繕に　　関わらず、先行して非常用自家発電設備整備を行えるようにするた
め、1施設につき2回に分けての補助を可能とする。次回以降の
協議の際、過去に補助を受けているときは、当該補助額を引いた 額を補助上限額とする。（例：地域密着型特別養護老人ホームで、過去に500万円の補助を受けて非常用自家発電設備整備をしている場合で、大規模修繕の補助協議申請をする場合は、
   　 補助限額1,540万円－500万円＝1,040万円）</t>
    <rPh sb="3" eb="5">
      <t>ジョウキ</t>
    </rPh>
    <rPh sb="5" eb="7">
      <t>キョウツウ</t>
    </rPh>
    <rPh sb="10" eb="12">
      <t>レイガイ</t>
    </rPh>
    <rPh sb="16" eb="18">
      <t>シセツ</t>
    </rPh>
    <rPh sb="19" eb="22">
      <t>ロウキュウカ</t>
    </rPh>
    <rPh sb="23" eb="24">
      <t>トモナ</t>
    </rPh>
    <rPh sb="25" eb="28">
      <t>ダイキボ</t>
    </rPh>
    <rPh sb="33" eb="34">
      <t>カカ</t>
    </rPh>
    <rPh sb="49" eb="51">
      <t>セツビ</t>
    </rPh>
    <rPh sb="54" eb="55">
      <t>オコナ</t>
    </rPh>
    <rPh sb="75" eb="76">
      <t>ワ</t>
    </rPh>
    <rPh sb="88" eb="90">
      <t>ジカイ</t>
    </rPh>
    <rPh sb="128" eb="130">
      <t>ジョウゲン</t>
    </rPh>
    <rPh sb="143" eb="145">
      <t>トクベツ</t>
    </rPh>
    <rPh sb="145" eb="147">
      <t>ヨウゴ</t>
    </rPh>
    <rPh sb="147" eb="149">
      <t>ロウジン</t>
    </rPh>
    <rPh sb="166" eb="167">
      <t>ウ</t>
    </rPh>
    <rPh sb="172" eb="174">
      <t>ジカ</t>
    </rPh>
    <rPh sb="174" eb="176">
      <t>ハツデン</t>
    </rPh>
    <rPh sb="178" eb="180">
      <t>セイビ</t>
    </rPh>
    <rPh sb="204" eb="206">
      <t>バアイ</t>
    </rPh>
    <rPh sb="223" eb="225">
      <t>マンエン</t>
    </rPh>
    <rPh sb="229" eb="231">
      <t>マンエン</t>
    </rPh>
    <phoneticPr fontId="2"/>
  </si>
  <si>
    <t>○感染リスクの高い風通しの悪い空間について、施設の構造や立地等により、十分な換気が行えない場合に、
感染症対策等として有効な換気を定期的に行うことができる換気設備を設置するもの</t>
    <rPh sb="1" eb="3">
      <t>カンセン</t>
    </rPh>
    <rPh sb="7" eb="8">
      <t>タカ</t>
    </rPh>
    <rPh sb="9" eb="11">
      <t>カゼトオ</t>
    </rPh>
    <rPh sb="13" eb="14">
      <t>ワル</t>
    </rPh>
    <rPh sb="15" eb="17">
      <t>クウカン</t>
    </rPh>
    <rPh sb="22" eb="24">
      <t>シセツ</t>
    </rPh>
    <rPh sb="25" eb="27">
      <t>コウゾウ</t>
    </rPh>
    <rPh sb="28" eb="30">
      <t>リッチ</t>
    </rPh>
    <rPh sb="30" eb="31">
      <t>トウ</t>
    </rPh>
    <rPh sb="35" eb="37">
      <t>ジュウブン</t>
    </rPh>
    <rPh sb="38" eb="40">
      <t>カンキ</t>
    </rPh>
    <rPh sb="41" eb="42">
      <t>オコナ</t>
    </rPh>
    <rPh sb="45" eb="47">
      <t>バアイ</t>
    </rPh>
    <rPh sb="50" eb="53">
      <t>カンセンショウ</t>
    </rPh>
    <rPh sb="53" eb="55">
      <t>タイサク</t>
    </rPh>
    <rPh sb="55" eb="56">
      <t>トウ</t>
    </rPh>
    <rPh sb="59" eb="61">
      <t>ユウコウ</t>
    </rPh>
    <rPh sb="62" eb="64">
      <t>カンキ</t>
    </rPh>
    <rPh sb="65" eb="68">
      <t>テイキテキ</t>
    </rPh>
    <rPh sb="69" eb="70">
      <t>オコナ</t>
    </rPh>
    <rPh sb="77" eb="79">
      <t>カンキ</t>
    </rPh>
    <rPh sb="79" eb="81">
      <t>セツビ</t>
    </rPh>
    <rPh sb="82" eb="84">
      <t>セッチ</t>
    </rPh>
    <phoneticPr fontId="2"/>
  </si>
  <si>
    <t>補助対象とするのは、次のアからウを全て満たすものであること
ア　専ら非常時に用いる設備とし、設置に当たり施設に付帯する工事を伴うもの。
イ　電気・ガス等のライフラインや物資等の供給が寸断された状況下においても、発災後７２時間以上の事業継続が可能となる設備であるもの。
ウ　これらの設置場所については、津波や浸水等の水害や土砂災害等の影響を受けない場所とするよう努めること。</t>
    <rPh sb="91" eb="93">
      <t>スンダ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游ゴシック"/>
      <family val="2"/>
      <charset val="128"/>
      <scheme val="minor"/>
    </font>
    <font>
      <sz val="11"/>
      <color rgb="FFFA7D00"/>
      <name val="游ゴシック"/>
      <family val="2"/>
      <charset val="128"/>
      <scheme val="minor"/>
    </font>
    <font>
      <sz val="6"/>
      <name val="游ゴシック"/>
      <family val="2"/>
      <charset val="128"/>
      <scheme val="minor"/>
    </font>
    <font>
      <b/>
      <sz val="16"/>
      <color theme="0"/>
      <name val="メイリオ"/>
      <family val="3"/>
      <charset val="128"/>
    </font>
    <font>
      <b/>
      <sz val="20"/>
      <color theme="0"/>
      <name val="メイリオ"/>
      <family val="3"/>
      <charset val="128"/>
    </font>
    <font>
      <sz val="16"/>
      <color theme="1"/>
      <name val="メイリオ"/>
      <family val="3"/>
      <charset val="128"/>
    </font>
    <font>
      <sz val="16"/>
      <color rgb="FFFF0000"/>
      <name val="メイリオ"/>
      <family val="3"/>
      <charset val="128"/>
    </font>
    <font>
      <sz val="20"/>
      <color theme="1"/>
      <name val="游ゴシック"/>
      <family val="2"/>
      <charset val="128"/>
      <scheme val="minor"/>
    </font>
    <font>
      <b/>
      <sz val="22"/>
      <color theme="0"/>
      <name val="メイリオ"/>
      <family val="3"/>
      <charset val="128"/>
    </font>
    <font>
      <sz val="12"/>
      <name val="メイリオ"/>
      <family val="3"/>
      <charset val="128"/>
    </font>
    <font>
      <sz val="16"/>
      <name val="メイリオ"/>
      <family val="3"/>
      <charset val="128"/>
    </font>
    <font>
      <sz val="18"/>
      <name val="メイリオ"/>
      <family val="3"/>
      <charset val="128"/>
    </font>
    <font>
      <sz val="21"/>
      <name val="メイリオ"/>
      <family val="3"/>
      <charset val="128"/>
    </font>
    <font>
      <sz val="16"/>
      <name val="游ゴシック"/>
      <family val="2"/>
      <charset val="128"/>
      <scheme val="minor"/>
    </font>
    <font>
      <sz val="14"/>
      <name val="メイリオ"/>
      <family val="3"/>
      <charset val="128"/>
    </font>
    <font>
      <sz val="18"/>
      <color theme="1"/>
      <name val="メイリオ"/>
      <family val="3"/>
      <charset val="128"/>
    </font>
  </fonts>
  <fills count="7">
    <fill>
      <patternFill patternType="none"/>
    </fill>
    <fill>
      <patternFill patternType="gray125"/>
    </fill>
    <fill>
      <patternFill patternType="solid">
        <fgColor theme="3"/>
        <bgColor indexed="64"/>
      </patternFill>
    </fill>
    <fill>
      <patternFill patternType="solid">
        <fgColor theme="4" tint="0.59999389629810485"/>
        <bgColor indexed="64"/>
      </patternFill>
    </fill>
    <fill>
      <patternFill patternType="solid">
        <fgColor theme="4" tint="0.79998168889431442"/>
        <bgColor indexed="64"/>
      </patternFill>
    </fill>
    <fill>
      <patternFill patternType="solid">
        <fgColor theme="0"/>
        <bgColor indexed="64"/>
      </patternFill>
    </fill>
    <fill>
      <patternFill patternType="solid">
        <fgColor theme="0" tint="-0.34998626667073579"/>
        <bgColor indexed="64"/>
      </patternFill>
    </fill>
  </fills>
  <borders count="54">
    <border>
      <left/>
      <right/>
      <top/>
      <bottom/>
      <diagonal/>
    </border>
    <border>
      <left/>
      <right/>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style="medium">
        <color auto="1"/>
      </right>
      <top style="medium">
        <color auto="1"/>
      </top>
      <bottom style="medium">
        <color auto="1"/>
      </bottom>
      <diagonal/>
    </border>
    <border>
      <left style="medium">
        <color auto="1"/>
      </left>
      <right style="medium">
        <color auto="1"/>
      </right>
      <top/>
      <bottom style="medium">
        <color auto="1"/>
      </bottom>
      <diagonal/>
    </border>
    <border>
      <left style="medium">
        <color auto="1"/>
      </left>
      <right style="medium">
        <color auto="1"/>
      </right>
      <top/>
      <bottom/>
      <diagonal/>
    </border>
    <border>
      <left/>
      <right style="medium">
        <color auto="1"/>
      </right>
      <top style="medium">
        <color auto="1"/>
      </top>
      <bottom/>
      <diagonal/>
    </border>
    <border>
      <left style="medium">
        <color indexed="64"/>
      </left>
      <right/>
      <top style="medium">
        <color indexed="64"/>
      </top>
      <bottom/>
      <diagonal/>
    </border>
    <border>
      <left style="medium">
        <color auto="1"/>
      </left>
      <right style="hair">
        <color auto="1"/>
      </right>
      <top/>
      <bottom/>
      <diagonal/>
    </border>
    <border>
      <left/>
      <right style="medium">
        <color auto="1"/>
      </right>
      <top/>
      <bottom/>
      <diagonal/>
    </border>
    <border>
      <left/>
      <right style="medium">
        <color indexed="64"/>
      </right>
      <top/>
      <bottom style="medium">
        <color indexed="64"/>
      </bottom>
      <diagonal/>
    </border>
    <border>
      <left style="medium">
        <color auto="1"/>
      </left>
      <right/>
      <top/>
      <bottom style="medium">
        <color auto="1"/>
      </bottom>
      <diagonal/>
    </border>
    <border>
      <left style="medium">
        <color auto="1"/>
      </left>
      <right/>
      <top/>
      <bottom/>
      <diagonal/>
    </border>
    <border>
      <left style="medium">
        <color auto="1"/>
      </left>
      <right style="hair">
        <color auto="1"/>
      </right>
      <top style="thin">
        <color auto="1"/>
      </top>
      <bottom style="thin">
        <color auto="1"/>
      </bottom>
      <diagonal/>
    </border>
    <border>
      <left/>
      <right style="medium">
        <color auto="1"/>
      </right>
      <top style="thin">
        <color auto="1"/>
      </top>
      <bottom style="thin">
        <color auto="1"/>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style="medium">
        <color auto="1"/>
      </right>
      <top style="thin">
        <color auto="1"/>
      </top>
      <bottom/>
      <diagonal/>
    </border>
    <border>
      <left style="medium">
        <color auto="1"/>
      </left>
      <right style="medium">
        <color auto="1"/>
      </right>
      <top style="thin">
        <color auto="1"/>
      </top>
      <bottom/>
      <diagonal/>
    </border>
    <border>
      <left style="medium">
        <color auto="1"/>
      </left>
      <right/>
      <top style="thin">
        <color auto="1"/>
      </top>
      <bottom/>
      <diagonal/>
    </border>
    <border>
      <left style="medium">
        <color auto="1"/>
      </left>
      <right style="medium">
        <color auto="1"/>
      </right>
      <top style="double">
        <color auto="1"/>
      </top>
      <bottom/>
      <diagonal/>
    </border>
    <border>
      <left style="medium">
        <color auto="1"/>
      </left>
      <right style="hair">
        <color auto="1"/>
      </right>
      <top style="double">
        <color auto="1"/>
      </top>
      <bottom/>
      <diagonal/>
    </border>
    <border>
      <left/>
      <right style="medium">
        <color auto="1"/>
      </right>
      <top style="double">
        <color auto="1"/>
      </top>
      <bottom style="thin">
        <color indexed="64"/>
      </bottom>
      <diagonal/>
    </border>
    <border>
      <left style="medium">
        <color auto="1"/>
      </left>
      <right style="medium">
        <color auto="1"/>
      </right>
      <top style="double">
        <color auto="1"/>
      </top>
      <bottom style="thin">
        <color indexed="64"/>
      </bottom>
      <diagonal/>
    </border>
    <border>
      <left style="medium">
        <color auto="1"/>
      </left>
      <right/>
      <top style="double">
        <color auto="1"/>
      </top>
      <bottom style="thin">
        <color auto="1"/>
      </bottom>
      <diagonal/>
    </border>
    <border>
      <left style="medium">
        <color auto="1"/>
      </left>
      <right style="hair">
        <color auto="1"/>
      </right>
      <top style="thin">
        <color auto="1"/>
      </top>
      <bottom style="medium">
        <color auto="1"/>
      </bottom>
      <diagonal/>
    </border>
    <border>
      <left/>
      <right style="medium">
        <color auto="1"/>
      </right>
      <top style="thin">
        <color auto="1"/>
      </top>
      <bottom style="medium">
        <color auto="1"/>
      </bottom>
      <diagonal/>
    </border>
    <border>
      <left style="medium">
        <color auto="1"/>
      </left>
      <right style="medium">
        <color auto="1"/>
      </right>
      <top style="thin">
        <color auto="1"/>
      </top>
      <bottom style="medium">
        <color auto="1"/>
      </bottom>
      <diagonal/>
    </border>
    <border>
      <left style="medium">
        <color auto="1"/>
      </left>
      <right/>
      <top style="thin">
        <color auto="1"/>
      </top>
      <bottom style="medium">
        <color auto="1"/>
      </bottom>
      <diagonal/>
    </border>
    <border>
      <left/>
      <right/>
      <top style="thin">
        <color auto="1"/>
      </top>
      <bottom style="thin">
        <color auto="1"/>
      </bottom>
      <diagonal/>
    </border>
    <border>
      <left/>
      <right/>
      <top style="thin">
        <color auto="1"/>
      </top>
      <bottom/>
      <diagonal/>
    </border>
    <border>
      <left style="medium">
        <color auto="1"/>
      </left>
      <right/>
      <top/>
      <bottom style="thin">
        <color auto="1"/>
      </bottom>
      <diagonal/>
    </border>
    <border>
      <left/>
      <right/>
      <top/>
      <bottom style="thin">
        <color auto="1"/>
      </bottom>
      <diagonal/>
    </border>
    <border>
      <left style="medium">
        <color auto="1"/>
      </left>
      <right style="medium">
        <color auto="1"/>
      </right>
      <top/>
      <bottom style="thin">
        <color auto="1"/>
      </bottom>
      <diagonal/>
    </border>
    <border>
      <left/>
      <right style="medium">
        <color auto="1"/>
      </right>
      <top/>
      <bottom style="thin">
        <color auto="1"/>
      </bottom>
      <diagonal/>
    </border>
    <border>
      <left/>
      <right/>
      <top style="medium">
        <color auto="1"/>
      </top>
      <bottom/>
      <diagonal/>
    </border>
    <border>
      <left style="medium">
        <color auto="1"/>
      </left>
      <right/>
      <top/>
      <bottom style="double">
        <color auto="1"/>
      </bottom>
      <diagonal/>
    </border>
    <border>
      <left/>
      <right/>
      <top/>
      <bottom style="double">
        <color auto="1"/>
      </bottom>
      <diagonal/>
    </border>
    <border>
      <left/>
      <right style="medium">
        <color auto="1"/>
      </right>
      <top/>
      <bottom style="double">
        <color auto="1"/>
      </bottom>
      <diagonal/>
    </border>
    <border>
      <left/>
      <right/>
      <top style="double">
        <color auto="1"/>
      </top>
      <bottom style="thin">
        <color auto="1"/>
      </bottom>
      <diagonal/>
    </border>
    <border>
      <left/>
      <right/>
      <top style="thin">
        <color auto="1"/>
      </top>
      <bottom style="medium">
        <color auto="1"/>
      </bottom>
      <diagonal/>
    </border>
    <border>
      <left style="medium">
        <color auto="1"/>
      </left>
      <right style="medium">
        <color indexed="64"/>
      </right>
      <top style="medium">
        <color indexed="64"/>
      </top>
      <bottom style="thin">
        <color indexed="64"/>
      </bottom>
      <diagonal/>
    </border>
    <border>
      <left style="medium">
        <color auto="1"/>
      </left>
      <right/>
      <top style="medium">
        <color indexed="64"/>
      </top>
      <bottom style="thin">
        <color indexed="64"/>
      </bottom>
      <diagonal/>
    </border>
    <border>
      <left style="thin">
        <color indexed="64"/>
      </left>
      <right style="medium">
        <color auto="1"/>
      </right>
      <top style="medium">
        <color indexed="64"/>
      </top>
      <bottom style="medium">
        <color auto="1"/>
      </bottom>
      <diagonal/>
    </border>
    <border>
      <left style="thin">
        <color indexed="64"/>
      </left>
      <right/>
      <top style="medium">
        <color auto="1"/>
      </top>
      <bottom style="medium">
        <color auto="1"/>
      </bottom>
      <diagonal/>
    </border>
    <border>
      <left style="thin">
        <color indexed="64"/>
      </left>
      <right style="thin">
        <color indexed="64"/>
      </right>
      <top style="medium">
        <color auto="1"/>
      </top>
      <bottom style="medium">
        <color auto="1"/>
      </bottom>
      <diagonal/>
    </border>
    <border>
      <left style="thin">
        <color indexed="64"/>
      </left>
      <right/>
      <top style="medium">
        <color auto="1"/>
      </top>
      <bottom style="thin">
        <color auto="1"/>
      </bottom>
      <diagonal/>
    </border>
    <border>
      <left style="thin">
        <color indexed="64"/>
      </left>
      <right style="medium">
        <color auto="1"/>
      </right>
      <top style="medium">
        <color indexed="64"/>
      </top>
      <bottom style="thin">
        <color auto="1"/>
      </bottom>
      <diagonal/>
    </border>
    <border>
      <left style="medium">
        <color auto="1"/>
      </left>
      <right style="medium">
        <color auto="1"/>
      </right>
      <top style="medium">
        <color auto="1"/>
      </top>
      <bottom/>
      <diagonal/>
    </border>
    <border>
      <left/>
      <right style="medium">
        <color indexed="64"/>
      </right>
      <top style="medium">
        <color indexed="64"/>
      </top>
      <bottom style="thin">
        <color indexed="64"/>
      </bottom>
      <diagonal/>
    </border>
    <border>
      <left style="medium">
        <color auto="1"/>
      </left>
      <right style="medium">
        <color auto="1"/>
      </right>
      <top style="thin">
        <color auto="1"/>
      </top>
      <bottom style="double">
        <color auto="1"/>
      </bottom>
      <diagonal/>
    </border>
    <border>
      <left style="thin">
        <color indexed="64"/>
      </left>
      <right style="thin">
        <color indexed="64"/>
      </right>
      <top style="thin">
        <color indexed="64"/>
      </top>
      <bottom style="thin">
        <color indexed="64"/>
      </bottom>
      <diagonal/>
    </border>
  </borders>
  <cellStyleXfs count="1">
    <xf numFmtId="0" fontId="0" fillId="0" borderId="0">
      <alignment vertical="center"/>
    </xf>
  </cellStyleXfs>
  <cellXfs count="209">
    <xf numFmtId="0" fontId="0" fillId="0" borderId="0" xfId="0">
      <alignment vertical="center"/>
    </xf>
    <xf numFmtId="0" fontId="3" fillId="2" borderId="1" xfId="0"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1" xfId="0" applyFont="1" applyFill="1" applyBorder="1" applyAlignment="1">
      <alignment horizontal="center" vertical="center" wrapText="1"/>
    </xf>
    <xf numFmtId="0" fontId="0" fillId="0" borderId="0" xfId="0" applyFill="1">
      <alignment vertical="center"/>
    </xf>
    <xf numFmtId="0" fontId="0" fillId="0" borderId="0" xfId="0" applyAlignment="1">
      <alignment horizontal="center" vertical="center"/>
    </xf>
    <xf numFmtId="0" fontId="7" fillId="0" borderId="0" xfId="0" applyFont="1" applyAlignment="1">
      <alignment vertical="top"/>
    </xf>
    <xf numFmtId="0" fontId="0" fillId="0" borderId="0" xfId="0" applyAlignment="1">
      <alignment vertical="center"/>
    </xf>
    <xf numFmtId="0" fontId="9" fillId="0" borderId="17" xfId="0" applyFont="1" applyFill="1" applyBorder="1" applyAlignment="1">
      <alignment horizontal="left" vertical="top" wrapText="1"/>
    </xf>
    <xf numFmtId="0" fontId="0" fillId="0" borderId="0" xfId="0" applyAlignment="1">
      <alignment vertical="center" wrapText="1"/>
    </xf>
    <xf numFmtId="0" fontId="11" fillId="3" borderId="5" xfId="0" applyFont="1" applyFill="1" applyBorder="1" applyAlignment="1">
      <alignment horizontal="center" vertical="center" wrapText="1"/>
    </xf>
    <xf numFmtId="0" fontId="11" fillId="3" borderId="5" xfId="0" applyFont="1" applyFill="1" applyBorder="1" applyAlignment="1">
      <alignment horizontal="center" vertical="center"/>
    </xf>
    <xf numFmtId="0" fontId="10" fillId="4" borderId="6" xfId="0" applyFont="1" applyFill="1" applyBorder="1" applyAlignment="1">
      <alignment horizontal="center" vertical="center" wrapText="1"/>
    </xf>
    <xf numFmtId="0" fontId="10" fillId="0" borderId="15" xfId="0" applyFont="1" applyBorder="1" applyAlignment="1">
      <alignment horizontal="center" vertical="center" wrapText="1"/>
    </xf>
    <xf numFmtId="0" fontId="10" fillId="0" borderId="16" xfId="0" applyFont="1" applyFill="1" applyBorder="1" applyAlignment="1">
      <alignment vertical="center" wrapText="1"/>
    </xf>
    <xf numFmtId="0" fontId="12" fillId="0" borderId="17" xfId="0" applyFont="1" applyFill="1" applyBorder="1" applyAlignment="1">
      <alignment horizontal="center" vertical="center"/>
    </xf>
    <xf numFmtId="0" fontId="12" fillId="0" borderId="35" xfId="0" applyFont="1" applyFill="1" applyBorder="1" applyAlignment="1">
      <alignment horizontal="center" vertical="center"/>
    </xf>
    <xf numFmtId="0" fontId="10" fillId="0" borderId="23" xfId="0" applyFont="1" applyBorder="1" applyAlignment="1">
      <alignment horizontal="center" vertical="center" wrapText="1"/>
    </xf>
    <xf numFmtId="0" fontId="10" fillId="0" borderId="24" xfId="0" applyFont="1" applyFill="1" applyBorder="1" applyAlignment="1">
      <alignment vertical="center" wrapText="1"/>
    </xf>
    <xf numFmtId="0" fontId="12" fillId="0" borderId="25" xfId="0" applyFont="1" applyFill="1" applyBorder="1" applyAlignment="1">
      <alignment horizontal="center" vertical="center"/>
    </xf>
    <xf numFmtId="0" fontId="12" fillId="0" borderId="22" xfId="0" applyFont="1" applyFill="1" applyBorder="1" applyAlignment="1">
      <alignment horizontal="center" vertical="center"/>
    </xf>
    <xf numFmtId="0" fontId="10" fillId="0" borderId="27" xfId="0" applyFont="1" applyBorder="1" applyAlignment="1">
      <alignment horizontal="center" vertical="center" wrapText="1"/>
    </xf>
    <xf numFmtId="0" fontId="10" fillId="0" borderId="28" xfId="0" applyFont="1" applyFill="1" applyBorder="1" applyAlignment="1">
      <alignment vertical="center" wrapText="1"/>
    </xf>
    <xf numFmtId="0" fontId="12" fillId="0" borderId="29" xfId="0" applyFont="1" applyFill="1" applyBorder="1" applyAlignment="1">
      <alignment horizontal="center" vertical="center"/>
    </xf>
    <xf numFmtId="0" fontId="12" fillId="0" borderId="6" xfId="0" applyFont="1" applyFill="1" applyBorder="1" applyAlignment="1">
      <alignment horizontal="center" vertical="center"/>
    </xf>
    <xf numFmtId="0" fontId="10" fillId="0" borderId="0" xfId="0" applyFont="1" applyBorder="1" applyAlignment="1">
      <alignment horizontal="center" vertical="center" wrapText="1"/>
    </xf>
    <xf numFmtId="0" fontId="10" fillId="0" borderId="0" xfId="0" applyFont="1" applyFill="1" applyBorder="1" applyAlignment="1">
      <alignment vertical="center"/>
    </xf>
    <xf numFmtId="0" fontId="13" fillId="0" borderId="0" xfId="0" applyFont="1" applyAlignment="1">
      <alignment horizontal="center" vertical="center"/>
    </xf>
    <xf numFmtId="0" fontId="14" fillId="0" borderId="0" xfId="0" applyFont="1" applyFill="1" applyBorder="1" applyAlignment="1">
      <alignment horizontal="center" vertical="center"/>
    </xf>
    <xf numFmtId="0" fontId="9" fillId="0" borderId="5" xfId="0" applyFont="1" applyFill="1" applyBorder="1" applyAlignment="1">
      <alignment horizontal="left" vertical="top" wrapText="1"/>
    </xf>
    <xf numFmtId="0" fontId="9" fillId="0" borderId="5" xfId="0" applyFont="1" applyFill="1" applyBorder="1" applyAlignment="1">
      <alignment horizontal="center" vertical="center" wrapText="1"/>
    </xf>
    <xf numFmtId="0" fontId="11" fillId="3" borderId="2" xfId="0" applyFont="1" applyFill="1" applyBorder="1" applyAlignment="1">
      <alignment horizontal="center" vertical="center"/>
    </xf>
    <xf numFmtId="0" fontId="9" fillId="0" borderId="20" xfId="0" applyFont="1" applyFill="1" applyBorder="1" applyAlignment="1">
      <alignment horizontal="left" vertical="top" wrapText="1"/>
    </xf>
    <xf numFmtId="0" fontId="9" fillId="0" borderId="21" xfId="0" applyFont="1" applyFill="1" applyBorder="1" applyAlignment="1">
      <alignment horizontal="left" vertical="top" wrapText="1"/>
    </xf>
    <xf numFmtId="0" fontId="9" fillId="0" borderId="7" xfId="0" applyFont="1" applyFill="1" applyBorder="1" applyAlignment="1">
      <alignment horizontal="left" vertical="top" wrapText="1"/>
    </xf>
    <xf numFmtId="0" fontId="9" fillId="0" borderId="45" xfId="0" applyFont="1" applyFill="1" applyBorder="1" applyAlignment="1">
      <alignment vertical="top" wrapText="1"/>
    </xf>
    <xf numFmtId="0" fontId="9" fillId="0" borderId="47" xfId="0" applyFont="1" applyFill="1" applyBorder="1" applyAlignment="1">
      <alignment vertical="top" wrapText="1"/>
    </xf>
    <xf numFmtId="0" fontId="10" fillId="4" borderId="35" xfId="0" applyFont="1" applyFill="1" applyBorder="1" applyAlignment="1">
      <alignment horizontal="center" vertical="center" wrapText="1"/>
    </xf>
    <xf numFmtId="0" fontId="10" fillId="4" borderId="35" xfId="0" applyFont="1" applyFill="1" applyBorder="1" applyAlignment="1">
      <alignment horizontal="center" vertical="center"/>
    </xf>
    <xf numFmtId="0" fontId="10" fillId="4" borderId="43" xfId="0" applyFont="1" applyFill="1" applyBorder="1" applyAlignment="1">
      <alignment horizontal="center" vertical="center" wrapText="1"/>
    </xf>
    <xf numFmtId="0" fontId="10" fillId="4" borderId="44" xfId="0" applyFont="1" applyFill="1" applyBorder="1" applyAlignment="1">
      <alignment horizontal="center" vertical="center" wrapText="1"/>
    </xf>
    <xf numFmtId="0" fontId="10" fillId="4" borderId="48" xfId="0" applyFont="1" applyFill="1" applyBorder="1" applyAlignment="1">
      <alignment horizontal="center" vertical="center" wrapText="1"/>
    </xf>
    <xf numFmtId="0" fontId="9" fillId="0" borderId="14" xfId="0" applyFont="1" applyFill="1" applyBorder="1" applyAlignment="1">
      <alignment vertical="top" wrapText="1"/>
    </xf>
    <xf numFmtId="0" fontId="15" fillId="0" borderId="0" xfId="0" applyFont="1" applyAlignment="1">
      <alignment horizontal="right" vertical="center"/>
    </xf>
    <xf numFmtId="0" fontId="10" fillId="4" borderId="49" xfId="0" applyFont="1" applyFill="1" applyBorder="1" applyAlignment="1">
      <alignment horizontal="center" vertical="center" wrapText="1"/>
    </xf>
    <xf numFmtId="0" fontId="9" fillId="0" borderId="1" xfId="0" applyFont="1" applyFill="1" applyBorder="1" applyAlignment="1">
      <alignment horizontal="center" vertical="center" wrapText="1"/>
    </xf>
    <xf numFmtId="0" fontId="10" fillId="0" borderId="5" xfId="0" applyFont="1" applyFill="1" applyBorder="1" applyAlignment="1">
      <alignment horizontal="center" vertical="center"/>
    </xf>
    <xf numFmtId="0" fontId="9" fillId="0" borderId="13" xfId="0" applyFont="1" applyFill="1" applyBorder="1" applyAlignment="1">
      <alignment horizontal="center" vertical="center" wrapText="1"/>
    </xf>
    <xf numFmtId="0" fontId="9" fillId="0" borderId="2" xfId="0" applyFont="1" applyFill="1" applyBorder="1" applyAlignment="1">
      <alignment horizontal="center" vertical="center" wrapText="1"/>
    </xf>
    <xf numFmtId="0" fontId="11" fillId="3" borderId="46" xfId="0" applyFont="1" applyFill="1" applyBorder="1" applyAlignment="1">
      <alignment horizontal="center" vertical="center" wrapText="1"/>
    </xf>
    <xf numFmtId="0" fontId="11" fillId="3" borderId="4" xfId="0" applyFont="1" applyFill="1" applyBorder="1" applyAlignment="1">
      <alignment horizontal="center" vertical="center" wrapText="1"/>
    </xf>
    <xf numFmtId="0" fontId="12" fillId="0" borderId="16" xfId="0" applyFont="1" applyFill="1" applyBorder="1" applyAlignment="1">
      <alignment horizontal="center" vertical="center"/>
    </xf>
    <xf numFmtId="0" fontId="12" fillId="0" borderId="28" xfId="0" applyFont="1" applyFill="1" applyBorder="1" applyAlignment="1">
      <alignment horizontal="center" vertical="center"/>
    </xf>
    <xf numFmtId="0" fontId="12" fillId="0" borderId="24" xfId="0" applyFont="1" applyFill="1" applyBorder="1" applyAlignment="1">
      <alignment horizontal="center" vertical="center"/>
    </xf>
    <xf numFmtId="0" fontId="10" fillId="4" borderId="13" xfId="0" applyFont="1" applyFill="1" applyBorder="1" applyAlignment="1">
      <alignment horizontal="center" vertical="center" wrapText="1"/>
    </xf>
    <xf numFmtId="0" fontId="10" fillId="4" borderId="12" xfId="0" applyFont="1" applyFill="1" applyBorder="1" applyAlignment="1">
      <alignment horizontal="center" vertical="center" wrapText="1"/>
    </xf>
    <xf numFmtId="0" fontId="9" fillId="0" borderId="6" xfId="0" applyFont="1" applyFill="1" applyBorder="1" applyAlignment="1">
      <alignment vertical="top" wrapText="1"/>
    </xf>
    <xf numFmtId="0" fontId="9" fillId="0" borderId="14" xfId="0" applyFont="1" applyFill="1" applyBorder="1" applyAlignment="1">
      <alignment horizontal="left" vertical="top" wrapText="1"/>
    </xf>
    <xf numFmtId="0" fontId="10" fillId="4" borderId="51" xfId="0" applyFont="1" applyFill="1" applyBorder="1" applyAlignment="1">
      <alignment horizontal="center" vertical="center" wrapText="1"/>
    </xf>
    <xf numFmtId="0" fontId="9" fillId="0" borderId="2" xfId="0" applyFont="1" applyFill="1" applyBorder="1" applyAlignment="1">
      <alignment horizontal="left" vertical="top" wrapText="1"/>
    </xf>
    <xf numFmtId="0" fontId="11" fillId="3" borderId="4" xfId="0" applyFont="1" applyFill="1" applyBorder="1" applyAlignment="1">
      <alignment horizontal="center" vertical="center"/>
    </xf>
    <xf numFmtId="0" fontId="10" fillId="4" borderId="36" xfId="0" applyFont="1" applyFill="1" applyBorder="1" applyAlignment="1">
      <alignment horizontal="center" vertical="center"/>
    </xf>
    <xf numFmtId="0" fontId="4" fillId="0" borderId="14" xfId="0" applyFont="1" applyFill="1" applyBorder="1" applyAlignment="1">
      <alignment horizontal="center" vertical="center" wrapText="1"/>
    </xf>
    <xf numFmtId="0" fontId="4" fillId="0" borderId="12" xfId="0" applyFont="1" applyFill="1" applyBorder="1" applyAlignment="1">
      <alignment horizontal="center" vertical="center" wrapText="1"/>
    </xf>
    <xf numFmtId="0" fontId="10" fillId="4" borderId="17" xfId="0" applyFont="1" applyFill="1" applyBorder="1" applyAlignment="1">
      <alignment horizontal="center" vertical="center"/>
    </xf>
    <xf numFmtId="0" fontId="10" fillId="4" borderId="29" xfId="0" applyFont="1" applyFill="1" applyBorder="1" applyAlignment="1">
      <alignment horizontal="center" vertical="center" wrapText="1"/>
    </xf>
    <xf numFmtId="0" fontId="0" fillId="0" borderId="0" xfId="0" applyAlignment="1">
      <alignment horizontal="center" vertical="center" wrapText="1"/>
    </xf>
    <xf numFmtId="0" fontId="11" fillId="3" borderId="3" xfId="0" applyFont="1" applyFill="1" applyBorder="1" applyAlignment="1">
      <alignment horizontal="center" vertical="center" wrapText="1"/>
    </xf>
    <xf numFmtId="0" fontId="10" fillId="4" borderId="33" xfId="0" applyFont="1" applyFill="1" applyBorder="1" applyAlignment="1">
      <alignment horizontal="center" vertical="center"/>
    </xf>
    <xf numFmtId="0" fontId="12" fillId="0" borderId="18" xfId="0" applyFont="1" applyFill="1" applyBorder="1" applyAlignment="1">
      <alignment horizontal="center" vertical="center"/>
    </xf>
    <xf numFmtId="0" fontId="12" fillId="0" borderId="31" xfId="0" applyFont="1" applyFill="1" applyBorder="1" applyAlignment="1">
      <alignment horizontal="center" vertical="center"/>
    </xf>
    <xf numFmtId="0" fontId="10" fillId="4" borderId="33" xfId="0" applyFont="1" applyFill="1" applyBorder="1" applyAlignment="1">
      <alignment horizontal="center" vertical="center" wrapText="1"/>
    </xf>
    <xf numFmtId="0" fontId="9" fillId="0" borderId="2" xfId="0" applyFont="1" applyFill="1" applyBorder="1" applyAlignment="1">
      <alignment horizontal="center" vertical="center" wrapText="1"/>
    </xf>
    <xf numFmtId="0" fontId="10" fillId="4" borderId="13" xfId="0" applyFont="1" applyFill="1" applyBorder="1" applyAlignment="1">
      <alignment horizontal="center" vertical="center" wrapText="1"/>
    </xf>
    <xf numFmtId="0" fontId="12" fillId="0" borderId="26" xfId="0" applyFont="1" applyFill="1" applyBorder="1" applyAlignment="1">
      <alignment horizontal="center" vertical="center"/>
    </xf>
    <xf numFmtId="0" fontId="11" fillId="3" borderId="2" xfId="0" applyFont="1" applyFill="1" applyBorder="1" applyAlignment="1">
      <alignment horizontal="center" vertical="center" wrapText="1"/>
    </xf>
    <xf numFmtId="0" fontId="10" fillId="4" borderId="14" xfId="0" applyFont="1" applyFill="1" applyBorder="1" applyAlignment="1">
      <alignment horizontal="center" vertical="center" wrapText="1"/>
    </xf>
    <xf numFmtId="0" fontId="12" fillId="0" borderId="53" xfId="0" applyFont="1" applyFill="1" applyBorder="1" applyAlignment="1">
      <alignment horizontal="center" vertical="center"/>
    </xf>
    <xf numFmtId="0" fontId="9" fillId="5" borderId="5" xfId="0" applyFont="1" applyFill="1" applyBorder="1" applyAlignment="1">
      <alignment horizontal="left" vertical="top" wrapText="1"/>
    </xf>
    <xf numFmtId="0" fontId="11" fillId="3" borderId="2" xfId="0" applyFont="1" applyFill="1" applyBorder="1" applyAlignment="1">
      <alignment horizontal="center" vertical="center" wrapText="1"/>
    </xf>
    <xf numFmtId="0" fontId="11" fillId="3" borderId="4" xfId="0" applyFont="1" applyFill="1" applyBorder="1" applyAlignment="1">
      <alignment horizontal="center" vertical="center" wrapText="1"/>
    </xf>
    <xf numFmtId="0" fontId="9" fillId="0" borderId="9" xfId="0" applyFont="1" applyFill="1" applyBorder="1" applyAlignment="1">
      <alignment horizontal="left" vertical="center" wrapText="1"/>
    </xf>
    <xf numFmtId="0" fontId="9" fillId="0" borderId="8" xfId="0" applyFont="1" applyFill="1" applyBorder="1" applyAlignment="1">
      <alignment horizontal="left" vertical="center" wrapText="1"/>
    </xf>
    <xf numFmtId="0" fontId="9" fillId="0" borderId="13" xfId="0" applyFont="1" applyFill="1" applyBorder="1" applyAlignment="1">
      <alignment horizontal="left" vertical="center" wrapText="1"/>
    </xf>
    <xf numFmtId="0" fontId="9" fillId="0" borderId="12" xfId="0" applyFont="1" applyFill="1" applyBorder="1" applyAlignment="1">
      <alignment horizontal="left" vertical="center" wrapText="1"/>
    </xf>
    <xf numFmtId="0" fontId="9" fillId="0" borderId="2" xfId="0" applyFont="1" applyFill="1" applyBorder="1" applyAlignment="1">
      <alignment horizontal="left" vertical="top" wrapText="1"/>
    </xf>
    <xf numFmtId="0" fontId="9" fillId="0" borderId="4" xfId="0" applyFont="1" applyFill="1" applyBorder="1" applyAlignment="1">
      <alignment horizontal="left" vertical="top" wrapText="1"/>
    </xf>
    <xf numFmtId="0" fontId="12" fillId="0" borderId="18" xfId="0" applyFont="1" applyFill="1" applyBorder="1" applyAlignment="1">
      <alignment horizontal="center" vertical="center"/>
    </xf>
    <xf numFmtId="0" fontId="12" fillId="0" borderId="31" xfId="0" applyFont="1" applyFill="1" applyBorder="1" applyAlignment="1">
      <alignment horizontal="center" vertical="center"/>
    </xf>
    <xf numFmtId="0" fontId="12" fillId="0" borderId="16" xfId="0" applyFont="1" applyFill="1" applyBorder="1" applyAlignment="1">
      <alignment horizontal="center" vertical="center"/>
    </xf>
    <xf numFmtId="0" fontId="12" fillId="0" borderId="30" xfId="0" applyFont="1" applyFill="1" applyBorder="1" applyAlignment="1">
      <alignment horizontal="center" vertical="center"/>
    </xf>
    <xf numFmtId="0" fontId="12" fillId="0" borderId="42" xfId="0" applyFont="1" applyFill="1" applyBorder="1" applyAlignment="1">
      <alignment horizontal="center" vertical="center"/>
    </xf>
    <xf numFmtId="0" fontId="12" fillId="0" borderId="28" xfId="0" applyFont="1" applyFill="1" applyBorder="1" applyAlignment="1">
      <alignment horizontal="center" vertical="center"/>
    </xf>
    <xf numFmtId="0" fontId="9" fillId="0" borderId="50" xfId="0" applyFont="1" applyFill="1" applyBorder="1" applyAlignment="1">
      <alignment horizontal="left" vertical="top" wrapText="1"/>
    </xf>
    <xf numFmtId="0" fontId="9" fillId="0" borderId="6" xfId="0" applyFont="1" applyFill="1" applyBorder="1" applyAlignment="1">
      <alignment horizontal="left" vertical="top" wrapText="1"/>
    </xf>
    <xf numFmtId="0" fontId="10" fillId="4" borderId="33" xfId="0" applyFont="1" applyFill="1" applyBorder="1" applyAlignment="1">
      <alignment horizontal="center" vertical="center" wrapText="1"/>
    </xf>
    <xf numFmtId="0" fontId="10" fillId="4" borderId="34" xfId="0" applyFont="1" applyFill="1" applyBorder="1" applyAlignment="1">
      <alignment horizontal="center" vertical="center" wrapText="1"/>
    </xf>
    <xf numFmtId="0" fontId="10" fillId="4" borderId="36" xfId="0" applyFont="1" applyFill="1" applyBorder="1" applyAlignment="1">
      <alignment horizontal="center" vertical="center" wrapText="1"/>
    </xf>
    <xf numFmtId="0" fontId="10" fillId="0" borderId="2" xfId="0" applyFont="1" applyFill="1" applyBorder="1" applyAlignment="1">
      <alignment horizontal="center" vertical="center"/>
    </xf>
    <xf numFmtId="0" fontId="10" fillId="0" borderId="3" xfId="0" applyFont="1" applyFill="1" applyBorder="1" applyAlignment="1">
      <alignment horizontal="center" vertical="center"/>
    </xf>
    <xf numFmtId="0" fontId="10" fillId="0" borderId="4" xfId="0" applyFont="1" applyFill="1" applyBorder="1" applyAlignment="1">
      <alignment horizontal="center" vertical="center"/>
    </xf>
    <xf numFmtId="0" fontId="9" fillId="0" borderId="2" xfId="0" applyFont="1" applyFill="1" applyBorder="1" applyAlignment="1">
      <alignment horizontal="center" vertical="center" wrapText="1"/>
    </xf>
    <xf numFmtId="0" fontId="9" fillId="0" borderId="3" xfId="0" applyFont="1" applyFill="1" applyBorder="1" applyAlignment="1">
      <alignment horizontal="center" vertical="center" wrapText="1"/>
    </xf>
    <xf numFmtId="0" fontId="9" fillId="0" borderId="4" xfId="0" applyFont="1" applyFill="1" applyBorder="1" applyAlignment="1">
      <alignment horizontal="center" vertical="center" wrapText="1"/>
    </xf>
    <xf numFmtId="0" fontId="11" fillId="3" borderId="46" xfId="0" applyFont="1" applyFill="1" applyBorder="1" applyAlignment="1">
      <alignment horizontal="center" vertical="center" wrapText="1"/>
    </xf>
    <xf numFmtId="0" fontId="10" fillId="4" borderId="13" xfId="0" applyFont="1" applyFill="1" applyBorder="1" applyAlignment="1">
      <alignment horizontal="center" vertical="center" wrapText="1"/>
    </xf>
    <xf numFmtId="0" fontId="10" fillId="4" borderId="1" xfId="0" applyFont="1" applyFill="1" applyBorder="1" applyAlignment="1">
      <alignment horizontal="center" vertical="center" wrapText="1"/>
    </xf>
    <xf numFmtId="0" fontId="10" fillId="4" borderId="12" xfId="0" applyFont="1" applyFill="1" applyBorder="1" applyAlignment="1">
      <alignment horizontal="center" vertical="center" wrapText="1"/>
    </xf>
    <xf numFmtId="0" fontId="10" fillId="0" borderId="7" xfId="0" applyFont="1" applyFill="1" applyBorder="1" applyAlignment="1">
      <alignment horizontal="center" vertical="center"/>
    </xf>
    <xf numFmtId="0" fontId="10" fillId="0" borderId="6" xfId="0" applyFont="1" applyFill="1" applyBorder="1" applyAlignment="1">
      <alignment horizontal="center" vertical="center"/>
    </xf>
    <xf numFmtId="0" fontId="9" fillId="5" borderId="2" xfId="0" applyFont="1" applyFill="1" applyBorder="1" applyAlignment="1">
      <alignment horizontal="left" vertical="center" wrapText="1"/>
    </xf>
    <xf numFmtId="0" fontId="9" fillId="5" borderId="3" xfId="0" applyFont="1" applyFill="1" applyBorder="1" applyAlignment="1">
      <alignment horizontal="left" vertical="center" wrapText="1"/>
    </xf>
    <xf numFmtId="0" fontId="9" fillId="5" borderId="4" xfId="0" applyFont="1" applyFill="1" applyBorder="1" applyAlignment="1">
      <alignment horizontal="left" vertical="center" wrapText="1"/>
    </xf>
    <xf numFmtId="0" fontId="12" fillId="0" borderId="26" xfId="0" applyFont="1" applyFill="1" applyBorder="1" applyAlignment="1">
      <alignment horizontal="center" vertical="center"/>
    </xf>
    <xf numFmtId="0" fontId="12" fillId="0" borderId="41" xfId="0" applyFont="1" applyFill="1" applyBorder="1" applyAlignment="1">
      <alignment horizontal="center" vertical="center"/>
    </xf>
    <xf numFmtId="0" fontId="12" fillId="0" borderId="24" xfId="0" applyFont="1" applyFill="1" applyBorder="1" applyAlignment="1">
      <alignment horizontal="center" vertical="center"/>
    </xf>
    <xf numFmtId="0" fontId="5" fillId="0" borderId="14"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13" xfId="0" applyFont="1" applyFill="1" applyBorder="1" applyAlignment="1">
      <alignment horizontal="center" vertical="center"/>
    </xf>
    <xf numFmtId="0" fontId="5" fillId="0" borderId="1" xfId="0" applyFont="1" applyFill="1" applyBorder="1" applyAlignment="1">
      <alignment horizontal="center" vertical="center"/>
    </xf>
    <xf numFmtId="0" fontId="5" fillId="0" borderId="12" xfId="0" applyFont="1" applyFill="1" applyBorder="1" applyAlignment="1">
      <alignment horizontal="center" vertical="center"/>
    </xf>
    <xf numFmtId="0" fontId="10" fillId="4" borderId="14" xfId="0" applyFont="1" applyFill="1" applyBorder="1" applyAlignment="1">
      <alignment vertical="center" wrapText="1"/>
    </xf>
    <xf numFmtId="0" fontId="10" fillId="4" borderId="0" xfId="0" applyFont="1" applyFill="1" applyBorder="1" applyAlignment="1">
      <alignment vertical="center" wrapText="1"/>
    </xf>
    <xf numFmtId="0" fontId="10" fillId="4" borderId="11" xfId="0" applyFont="1" applyFill="1" applyBorder="1" applyAlignment="1">
      <alignment vertical="center" wrapText="1"/>
    </xf>
    <xf numFmtId="0" fontId="10" fillId="4" borderId="13" xfId="0" applyFont="1" applyFill="1" applyBorder="1" applyAlignment="1">
      <alignment vertical="center" wrapText="1"/>
    </xf>
    <xf numFmtId="0" fontId="10" fillId="4" borderId="1" xfId="0" applyFont="1" applyFill="1" applyBorder="1" applyAlignment="1">
      <alignment vertical="center" wrapText="1"/>
    </xf>
    <xf numFmtId="0" fontId="10" fillId="4" borderId="12" xfId="0" applyFont="1" applyFill="1" applyBorder="1" applyAlignment="1">
      <alignment vertical="center" wrapText="1"/>
    </xf>
    <xf numFmtId="0" fontId="10" fillId="0" borderId="7" xfId="0" applyFont="1" applyBorder="1" applyAlignment="1">
      <alignment horizontal="center" vertical="center" textRotation="255" wrapText="1"/>
    </xf>
    <xf numFmtId="0" fontId="10" fillId="0" borderId="7" xfId="0" applyFont="1" applyBorder="1" applyAlignment="1">
      <alignment horizontal="center" vertical="center" wrapText="1"/>
    </xf>
    <xf numFmtId="0" fontId="10" fillId="0" borderId="22" xfId="0" applyFont="1" applyBorder="1" applyAlignment="1">
      <alignment horizontal="center" vertical="center" textRotation="255" wrapText="1"/>
    </xf>
    <xf numFmtId="0" fontId="10" fillId="0" borderId="6" xfId="0" applyFont="1" applyBorder="1" applyAlignment="1">
      <alignment horizontal="center" vertical="center" textRotation="255" wrapText="1"/>
    </xf>
    <xf numFmtId="0" fontId="10" fillId="0" borderId="22" xfId="0" applyFont="1" applyBorder="1" applyAlignment="1">
      <alignment horizontal="center" vertical="center" wrapText="1"/>
    </xf>
    <xf numFmtId="0" fontId="10" fillId="0" borderId="6" xfId="0" applyFont="1" applyBorder="1" applyAlignment="1">
      <alignment horizontal="center" vertical="center" wrapText="1"/>
    </xf>
    <xf numFmtId="0" fontId="10" fillId="0" borderId="21" xfId="0" applyFont="1" applyFill="1" applyBorder="1" applyAlignment="1">
      <alignment horizontal="center" vertical="center"/>
    </xf>
    <xf numFmtId="0" fontId="10" fillId="0" borderId="32" xfId="0" applyFont="1" applyFill="1" applyBorder="1" applyAlignment="1">
      <alignment horizontal="center" vertical="center"/>
    </xf>
    <xf numFmtId="0" fontId="10" fillId="0" borderId="19" xfId="0" applyFont="1" applyFill="1" applyBorder="1" applyAlignment="1">
      <alignment horizontal="center" vertical="center"/>
    </xf>
    <xf numFmtId="0" fontId="10" fillId="3" borderId="2" xfId="0" applyFont="1" applyFill="1" applyBorder="1" applyAlignment="1">
      <alignment horizontal="center" vertical="center"/>
    </xf>
    <xf numFmtId="0" fontId="10" fillId="3" borderId="3" xfId="0" applyFont="1" applyFill="1" applyBorder="1" applyAlignment="1">
      <alignment horizontal="center" vertical="center"/>
    </xf>
    <xf numFmtId="0" fontId="10" fillId="3" borderId="4" xfId="0" applyFont="1" applyFill="1" applyBorder="1" applyAlignment="1">
      <alignment horizontal="center" vertical="center"/>
    </xf>
    <xf numFmtId="0" fontId="10" fillId="0" borderId="14" xfId="0" applyFont="1" applyFill="1" applyBorder="1" applyAlignment="1">
      <alignment horizontal="center" vertical="center"/>
    </xf>
    <xf numFmtId="0" fontId="10" fillId="0" borderId="0" xfId="0" applyFont="1" applyFill="1" applyBorder="1" applyAlignment="1">
      <alignment horizontal="center" vertical="center"/>
    </xf>
    <xf numFmtId="0" fontId="10" fillId="0" borderId="11" xfId="0" applyFont="1" applyFill="1" applyBorder="1" applyAlignment="1">
      <alignment horizontal="center" vertical="center"/>
    </xf>
    <xf numFmtId="0" fontId="10" fillId="0" borderId="9" xfId="0" applyFont="1" applyFill="1" applyBorder="1" applyAlignment="1">
      <alignment horizontal="center" vertical="center"/>
    </xf>
    <xf numFmtId="0" fontId="10" fillId="0" borderId="37" xfId="0" applyFont="1" applyFill="1" applyBorder="1" applyAlignment="1">
      <alignment horizontal="center" vertical="center"/>
    </xf>
    <xf numFmtId="0" fontId="10" fillId="0" borderId="8" xfId="0" applyFont="1" applyFill="1" applyBorder="1" applyAlignment="1">
      <alignment horizontal="center" vertical="center"/>
    </xf>
    <xf numFmtId="0" fontId="10" fillId="0" borderId="13" xfId="0" applyFont="1" applyFill="1" applyBorder="1" applyAlignment="1">
      <alignment horizontal="center" vertical="center"/>
    </xf>
    <xf numFmtId="0" fontId="10" fillId="0" borderId="1" xfId="0" applyFont="1" applyFill="1" applyBorder="1" applyAlignment="1">
      <alignment horizontal="center" vertical="center"/>
    </xf>
    <xf numFmtId="0" fontId="10" fillId="0" borderId="12" xfId="0" applyFont="1" applyFill="1" applyBorder="1" applyAlignment="1">
      <alignment horizontal="center" vertical="center"/>
    </xf>
    <xf numFmtId="0" fontId="8" fillId="2" borderId="13" xfId="0" applyFont="1" applyFill="1" applyBorder="1" applyAlignment="1">
      <alignment horizontal="center" vertical="center" wrapText="1"/>
    </xf>
    <xf numFmtId="0" fontId="8" fillId="2" borderId="1" xfId="0" applyFont="1" applyFill="1" applyBorder="1" applyAlignment="1">
      <alignment horizontal="center" vertical="center" wrapText="1"/>
    </xf>
    <xf numFmtId="0" fontId="0" fillId="0" borderId="9" xfId="0" applyBorder="1" applyAlignment="1">
      <alignment horizontal="center" vertical="center"/>
    </xf>
    <xf numFmtId="0" fontId="0" fillId="0" borderId="37" xfId="0" applyBorder="1" applyAlignment="1">
      <alignment horizontal="center" vertical="center"/>
    </xf>
    <xf numFmtId="0" fontId="0" fillId="0" borderId="8" xfId="0" applyBorder="1" applyAlignment="1">
      <alignment horizontal="center" vertical="center"/>
    </xf>
    <xf numFmtId="0" fontId="0" fillId="0" borderId="13" xfId="0" applyBorder="1" applyAlignment="1">
      <alignment horizontal="center" vertical="center"/>
    </xf>
    <xf numFmtId="0" fontId="0" fillId="0" borderId="1" xfId="0" applyBorder="1" applyAlignment="1">
      <alignment horizontal="center" vertical="center"/>
    </xf>
    <xf numFmtId="0" fontId="0" fillId="0" borderId="12" xfId="0" applyBorder="1" applyAlignment="1">
      <alignment horizontal="center" vertical="center"/>
    </xf>
    <xf numFmtId="0" fontId="9" fillId="0" borderId="50" xfId="0" applyFont="1" applyFill="1" applyBorder="1" applyAlignment="1">
      <alignment horizontal="center" vertical="center" wrapText="1"/>
    </xf>
    <xf numFmtId="0" fontId="9" fillId="0" borderId="6" xfId="0" applyFont="1" applyFill="1" applyBorder="1" applyAlignment="1">
      <alignment horizontal="center" vertical="center" wrapText="1"/>
    </xf>
    <xf numFmtId="0" fontId="9" fillId="0" borderId="2" xfId="0" applyFont="1" applyFill="1" applyBorder="1" applyAlignment="1">
      <alignment horizontal="left" vertical="center" wrapText="1"/>
    </xf>
    <xf numFmtId="0" fontId="9" fillId="0" borderId="3" xfId="0" applyFont="1" applyFill="1" applyBorder="1" applyAlignment="1">
      <alignment horizontal="left" vertical="center" wrapText="1"/>
    </xf>
    <xf numFmtId="0" fontId="9" fillId="0" borderId="4" xfId="0" applyFont="1" applyFill="1" applyBorder="1" applyAlignment="1">
      <alignment horizontal="left" vertical="center" wrapText="1"/>
    </xf>
    <xf numFmtId="0" fontId="9" fillId="0" borderId="1" xfId="0" applyFont="1" applyFill="1" applyBorder="1" applyAlignment="1">
      <alignment horizontal="left" vertical="center" wrapText="1"/>
    </xf>
    <xf numFmtId="0" fontId="9" fillId="0" borderId="9" xfId="0" applyFont="1" applyFill="1" applyBorder="1" applyAlignment="1">
      <alignment horizontal="center" vertical="center" wrapText="1"/>
    </xf>
    <xf numFmtId="0" fontId="9" fillId="0" borderId="8" xfId="0" applyFont="1" applyFill="1" applyBorder="1" applyAlignment="1">
      <alignment horizontal="center" vertical="center" wrapText="1"/>
    </xf>
    <xf numFmtId="0" fontId="9" fillId="0" borderId="13" xfId="0" applyFont="1" applyFill="1" applyBorder="1" applyAlignment="1">
      <alignment horizontal="center" vertical="center" wrapText="1"/>
    </xf>
    <xf numFmtId="0" fontId="9" fillId="0" borderId="12" xfId="0" applyFont="1" applyFill="1" applyBorder="1" applyAlignment="1">
      <alignment horizontal="center" vertical="center" wrapText="1"/>
    </xf>
    <xf numFmtId="0" fontId="9" fillId="0" borderId="50" xfId="0" applyFont="1" applyFill="1" applyBorder="1" applyAlignment="1">
      <alignment horizontal="left" vertical="center" wrapText="1"/>
    </xf>
    <xf numFmtId="0" fontId="9" fillId="0" borderId="6" xfId="0" applyFont="1" applyFill="1" applyBorder="1" applyAlignment="1">
      <alignment horizontal="left" vertical="center" wrapText="1"/>
    </xf>
    <xf numFmtId="0" fontId="10" fillId="4" borderId="7" xfId="0" applyFont="1" applyFill="1" applyBorder="1" applyAlignment="1">
      <alignment horizontal="center" vertical="center" wrapText="1"/>
    </xf>
    <xf numFmtId="0" fontId="10" fillId="4" borderId="7" xfId="0" applyFont="1" applyFill="1" applyBorder="1" applyAlignment="1">
      <alignment horizontal="center" vertical="center"/>
    </xf>
    <xf numFmtId="0" fontId="10" fillId="4" borderId="6" xfId="0" applyFont="1" applyFill="1" applyBorder="1" applyAlignment="1">
      <alignment horizontal="center" vertical="center"/>
    </xf>
    <xf numFmtId="0" fontId="10" fillId="4" borderId="9" xfId="0" applyFont="1" applyFill="1" applyBorder="1" applyAlignment="1">
      <alignment horizontal="center" vertical="center"/>
    </xf>
    <xf numFmtId="0" fontId="10" fillId="4" borderId="14" xfId="0" applyFont="1" applyFill="1" applyBorder="1" applyAlignment="1">
      <alignment horizontal="center" vertical="center"/>
    </xf>
    <xf numFmtId="0" fontId="10" fillId="4" borderId="13" xfId="0" applyFont="1" applyFill="1" applyBorder="1" applyAlignment="1">
      <alignment horizontal="center" vertical="center"/>
    </xf>
    <xf numFmtId="0" fontId="10" fillId="4" borderId="8" xfId="0" applyFont="1" applyFill="1" applyBorder="1" applyAlignment="1">
      <alignment horizontal="center" vertical="center" wrapText="1"/>
    </xf>
    <xf numFmtId="0" fontId="10" fillId="4" borderId="11" xfId="0" applyFont="1" applyFill="1" applyBorder="1" applyAlignment="1">
      <alignment horizontal="center" vertical="center"/>
    </xf>
    <xf numFmtId="0" fontId="10" fillId="4" borderId="12" xfId="0" applyFont="1" applyFill="1" applyBorder="1" applyAlignment="1">
      <alignment horizontal="center" vertical="center"/>
    </xf>
    <xf numFmtId="0" fontId="10" fillId="6" borderId="7" xfId="0" applyFont="1" applyFill="1" applyBorder="1" applyAlignment="1">
      <alignment horizontal="center" vertical="center" textRotation="255" wrapText="1"/>
    </xf>
    <xf numFmtId="0" fontId="10" fillId="6" borderId="7" xfId="0" applyFont="1" applyFill="1" applyBorder="1" applyAlignment="1">
      <alignment horizontal="center" vertical="center" wrapText="1"/>
    </xf>
    <xf numFmtId="0" fontId="10" fillId="6" borderId="10" xfId="0" applyFont="1" applyFill="1" applyBorder="1" applyAlignment="1">
      <alignment horizontal="center" vertical="center" wrapText="1"/>
    </xf>
    <xf numFmtId="0" fontId="10" fillId="6" borderId="11" xfId="0" applyFont="1" applyFill="1" applyBorder="1" applyAlignment="1">
      <alignment vertical="center" wrapText="1"/>
    </xf>
    <xf numFmtId="0" fontId="12" fillId="6" borderId="14" xfId="0" applyFont="1" applyFill="1" applyBorder="1" applyAlignment="1">
      <alignment horizontal="center" vertical="center"/>
    </xf>
    <xf numFmtId="0" fontId="12" fillId="6" borderId="53" xfId="0" applyFont="1" applyFill="1" applyBorder="1" applyAlignment="1">
      <alignment horizontal="center" vertical="center"/>
    </xf>
    <xf numFmtId="0" fontId="12" fillId="6" borderId="0" xfId="0" applyFont="1" applyFill="1" applyBorder="1" applyAlignment="1">
      <alignment horizontal="center" vertical="center"/>
    </xf>
    <xf numFmtId="0" fontId="12" fillId="6" borderId="9" xfId="0" applyFont="1" applyFill="1" applyBorder="1" applyAlignment="1">
      <alignment horizontal="center" vertical="center"/>
    </xf>
    <xf numFmtId="0" fontId="12" fillId="6" borderId="37" xfId="0" applyFont="1" applyFill="1" applyBorder="1" applyAlignment="1">
      <alignment horizontal="center" vertical="center"/>
    </xf>
    <xf numFmtId="0" fontId="12" fillId="6" borderId="8" xfId="0" applyFont="1" applyFill="1" applyBorder="1" applyAlignment="1">
      <alignment horizontal="center" vertical="center"/>
    </xf>
    <xf numFmtId="0" fontId="12" fillId="6" borderId="7" xfId="0" applyFont="1" applyFill="1" applyBorder="1" applyAlignment="1">
      <alignment horizontal="center" vertical="center"/>
    </xf>
    <xf numFmtId="0" fontId="12" fillId="6" borderId="11" xfId="0" applyFont="1" applyFill="1" applyBorder="1" applyAlignment="1">
      <alignment horizontal="center" vertical="center"/>
    </xf>
    <xf numFmtId="0" fontId="12" fillId="6" borderId="43" xfId="0" applyFont="1" applyFill="1" applyBorder="1" applyAlignment="1">
      <alignment horizontal="center" vertical="center"/>
    </xf>
    <xf numFmtId="0" fontId="10" fillId="6" borderId="15" xfId="0" applyFont="1" applyFill="1" applyBorder="1" applyAlignment="1">
      <alignment horizontal="center" vertical="center" wrapText="1"/>
    </xf>
    <xf numFmtId="0" fontId="10" fillId="6" borderId="16" xfId="0" applyFont="1" applyFill="1" applyBorder="1" applyAlignment="1">
      <alignment vertical="center" wrapText="1"/>
    </xf>
    <xf numFmtId="0" fontId="12" fillId="6" borderId="18" xfId="0" applyFont="1" applyFill="1" applyBorder="1" applyAlignment="1">
      <alignment horizontal="center" vertical="center"/>
    </xf>
    <xf numFmtId="0" fontId="12" fillId="6" borderId="31" xfId="0" applyFont="1" applyFill="1" applyBorder="1" applyAlignment="1">
      <alignment horizontal="center" vertical="center"/>
    </xf>
    <xf numFmtId="0" fontId="12" fillId="6" borderId="18" xfId="0" applyFont="1" applyFill="1" applyBorder="1" applyAlignment="1">
      <alignment horizontal="center" vertical="center"/>
    </xf>
    <xf numFmtId="0" fontId="12" fillId="6" borderId="31" xfId="0" applyFont="1" applyFill="1" applyBorder="1" applyAlignment="1">
      <alignment horizontal="center" vertical="center"/>
    </xf>
    <xf numFmtId="0" fontId="12" fillId="6" borderId="16" xfId="0" applyFont="1" applyFill="1" applyBorder="1" applyAlignment="1">
      <alignment horizontal="center" vertical="center"/>
    </xf>
    <xf numFmtId="0" fontId="12" fillId="6" borderId="17" xfId="0" applyFont="1" applyFill="1" applyBorder="1" applyAlignment="1">
      <alignment horizontal="center" vertical="center"/>
    </xf>
    <xf numFmtId="0" fontId="12" fillId="6" borderId="16" xfId="0" applyFont="1" applyFill="1" applyBorder="1" applyAlignment="1">
      <alignment horizontal="center" vertical="center"/>
    </xf>
    <xf numFmtId="0" fontId="12" fillId="6" borderId="35" xfId="0" applyFont="1" applyFill="1" applyBorder="1" applyAlignment="1">
      <alignment horizontal="center" vertical="center"/>
    </xf>
    <xf numFmtId="0" fontId="10" fillId="6" borderId="16" xfId="0" applyFont="1" applyFill="1" applyBorder="1" applyAlignment="1">
      <alignment vertical="center" shrinkToFit="1"/>
    </xf>
    <xf numFmtId="0" fontId="10" fillId="6" borderId="19" xfId="0" applyFont="1" applyFill="1" applyBorder="1" applyAlignment="1">
      <alignment vertical="center" wrapText="1"/>
    </xf>
    <xf numFmtId="0" fontId="12" fillId="6" borderId="20" xfId="0" applyFont="1" applyFill="1" applyBorder="1" applyAlignment="1">
      <alignment horizontal="center" vertical="center"/>
    </xf>
    <xf numFmtId="0" fontId="12" fillId="6" borderId="38" xfId="0" applyFont="1" applyFill="1" applyBorder="1" applyAlignment="1">
      <alignment horizontal="center" vertical="center"/>
    </xf>
    <xf numFmtId="0" fontId="12" fillId="6" borderId="39" xfId="0" applyFont="1" applyFill="1" applyBorder="1" applyAlignment="1">
      <alignment horizontal="center" vertical="center"/>
    </xf>
    <xf numFmtId="0" fontId="12" fillId="6" borderId="40" xfId="0" applyFont="1" applyFill="1" applyBorder="1" applyAlignment="1">
      <alignment horizontal="center" vertical="center"/>
    </xf>
    <xf numFmtId="0" fontId="12" fillId="6" borderId="19" xfId="0" applyFont="1" applyFill="1" applyBorder="1" applyAlignment="1">
      <alignment horizontal="center" vertical="center"/>
    </xf>
    <xf numFmtId="0" fontId="12" fillId="6" borderId="52"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5</xdr:col>
      <xdr:colOff>1124905</xdr:colOff>
      <xdr:row>61</xdr:row>
      <xdr:rowOff>387350</xdr:rowOff>
    </xdr:from>
    <xdr:to>
      <xdr:col>9</xdr:col>
      <xdr:colOff>1722544</xdr:colOff>
      <xdr:row>62</xdr:row>
      <xdr:rowOff>3581399</xdr:rowOff>
    </xdr:to>
    <xdr:pic>
      <xdr:nvPicPr>
        <xdr:cNvPr id="4" name="図 3"/>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621205" y="50660300"/>
          <a:ext cx="22972729" cy="71755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Q114"/>
  <sheetViews>
    <sheetView tabSelected="1" view="pageBreakPreview" zoomScale="40" zoomScaleNormal="100" zoomScaleSheetLayoutView="40" workbookViewId="0">
      <pane xSplit="5" ySplit="7" topLeftCell="F20" activePane="bottomRight" state="frozen"/>
      <selection pane="topRight" activeCell="F1" sqref="F1"/>
      <selection pane="bottomLeft" activeCell="A8" sqref="A8"/>
      <selection pane="bottomRight" activeCell="M15" sqref="M15"/>
    </sheetView>
  </sheetViews>
  <sheetFormatPr defaultRowHeight="18.75" x14ac:dyDescent="0.4"/>
  <cols>
    <col min="1" max="1" width="2.5" style="5" customWidth="1"/>
    <col min="2" max="2" width="14.125" style="5" customWidth="1"/>
    <col min="3" max="3" width="21.375" style="5" customWidth="1"/>
    <col min="4" max="4" width="7.875" style="5" customWidth="1"/>
    <col min="5" max="5" width="65.25" style="5" customWidth="1"/>
    <col min="6" max="8" width="75.75" style="5" customWidth="1"/>
    <col min="9" max="9" width="66.125" style="5" customWidth="1"/>
    <col min="10" max="12" width="63.875" style="5" customWidth="1"/>
    <col min="13" max="13" width="64.875" style="5" customWidth="1"/>
    <col min="14" max="14" width="63.875" style="5" customWidth="1"/>
    <col min="15" max="15" width="73" style="5" customWidth="1"/>
    <col min="16" max="16384" width="9" style="5"/>
  </cols>
  <sheetData>
    <row r="1" spans="2:16" ht="32.25" customHeight="1" x14ac:dyDescent="0.4">
      <c r="N1" s="43"/>
      <c r="O1" s="43"/>
    </row>
    <row r="2" spans="2:16" customFormat="1" ht="36" customHeight="1" thickBot="1" x14ac:dyDescent="0.45">
      <c r="B2" s="149" t="s">
        <v>184</v>
      </c>
      <c r="C2" s="150"/>
      <c r="D2" s="150"/>
      <c r="E2" s="150"/>
      <c r="F2" s="150"/>
      <c r="G2" s="150"/>
      <c r="H2" s="150"/>
      <c r="I2" s="150"/>
      <c r="J2" s="150"/>
      <c r="K2" s="150"/>
      <c r="L2" s="150"/>
      <c r="M2" s="150"/>
      <c r="N2" s="150"/>
      <c r="O2" s="1" t="s">
        <v>41</v>
      </c>
    </row>
    <row r="3" spans="2:16" s="4" customFormat="1" ht="6" customHeight="1" thickBot="1" x14ac:dyDescent="0.45">
      <c r="B3" s="62"/>
      <c r="C3" s="2"/>
      <c r="D3" s="2"/>
      <c r="E3" s="2"/>
      <c r="F3" s="3"/>
      <c r="G3" s="3"/>
      <c r="H3" s="3"/>
      <c r="I3" s="3"/>
      <c r="J3" s="3"/>
      <c r="K3" s="3"/>
      <c r="L3" s="3"/>
      <c r="M3" s="3"/>
      <c r="N3" s="3"/>
      <c r="O3" s="63"/>
    </row>
    <row r="4" spans="2:16" customFormat="1" ht="24.75" customHeight="1" thickBot="1" x14ac:dyDescent="0.45">
      <c r="B4" s="137"/>
      <c r="C4" s="138"/>
      <c r="D4" s="138"/>
      <c r="E4" s="139"/>
      <c r="F4" s="10" t="s">
        <v>111</v>
      </c>
      <c r="G4" s="79" t="s">
        <v>168</v>
      </c>
      <c r="H4" s="80"/>
      <c r="I4" s="31" t="s">
        <v>46</v>
      </c>
      <c r="J4" s="49" t="s">
        <v>108</v>
      </c>
      <c r="K4" s="104" t="s">
        <v>98</v>
      </c>
      <c r="L4" s="80"/>
      <c r="M4" s="50" t="s">
        <v>122</v>
      </c>
      <c r="N4" s="60" t="s">
        <v>47</v>
      </c>
      <c r="O4" s="10" t="s">
        <v>180</v>
      </c>
    </row>
    <row r="5" spans="2:16" customFormat="1" ht="57.75" customHeight="1" x14ac:dyDescent="0.4">
      <c r="B5" s="169" t="s">
        <v>0</v>
      </c>
      <c r="C5" s="170" t="s">
        <v>1</v>
      </c>
      <c r="D5" s="172"/>
      <c r="E5" s="175" t="s">
        <v>103</v>
      </c>
      <c r="F5" s="39" t="s">
        <v>97</v>
      </c>
      <c r="G5" s="40" t="s">
        <v>161</v>
      </c>
      <c r="H5" s="40" t="s">
        <v>163</v>
      </c>
      <c r="I5" s="40" t="s">
        <v>99</v>
      </c>
      <c r="J5" s="41" t="s">
        <v>91</v>
      </c>
      <c r="K5" s="44" t="s">
        <v>100</v>
      </c>
      <c r="L5" s="39" t="s">
        <v>96</v>
      </c>
      <c r="M5" s="39" t="s">
        <v>123</v>
      </c>
      <c r="N5" s="58" t="s">
        <v>102</v>
      </c>
      <c r="O5" s="39" t="s">
        <v>182</v>
      </c>
    </row>
    <row r="6" spans="2:16" customFormat="1" ht="35.25" customHeight="1" x14ac:dyDescent="0.4">
      <c r="B6" s="170"/>
      <c r="C6" s="170"/>
      <c r="D6" s="173"/>
      <c r="E6" s="176"/>
      <c r="F6" s="37" t="s">
        <v>2</v>
      </c>
      <c r="G6" s="71" t="s">
        <v>164</v>
      </c>
      <c r="H6" s="71" t="s">
        <v>165</v>
      </c>
      <c r="I6" s="95" t="s">
        <v>2</v>
      </c>
      <c r="J6" s="96"/>
      <c r="K6" s="97"/>
      <c r="L6" s="38" t="s">
        <v>3</v>
      </c>
      <c r="M6" s="38" t="s">
        <v>3</v>
      </c>
      <c r="N6" s="61" t="s">
        <v>3</v>
      </c>
      <c r="O6" s="64" t="s">
        <v>144</v>
      </c>
    </row>
    <row r="7" spans="2:16" customFormat="1" ht="103.5" customHeight="1" thickBot="1" x14ac:dyDescent="0.45">
      <c r="B7" s="171"/>
      <c r="C7" s="171"/>
      <c r="D7" s="174"/>
      <c r="E7" s="177"/>
      <c r="F7" s="12" t="s">
        <v>114</v>
      </c>
      <c r="G7" s="76" t="s">
        <v>166</v>
      </c>
      <c r="H7" s="73" t="s">
        <v>167</v>
      </c>
      <c r="I7" s="105" t="s">
        <v>129</v>
      </c>
      <c r="J7" s="106"/>
      <c r="K7" s="107"/>
      <c r="L7" s="12" t="s">
        <v>130</v>
      </c>
      <c r="M7" s="12" t="s">
        <v>148</v>
      </c>
      <c r="N7" s="55" t="s">
        <v>4</v>
      </c>
      <c r="O7" s="65" t="s">
        <v>181</v>
      </c>
      <c r="P7" s="9"/>
    </row>
    <row r="8" spans="2:16" customFormat="1" ht="57.75" customHeight="1" x14ac:dyDescent="0.4">
      <c r="B8" s="178" t="s">
        <v>5</v>
      </c>
      <c r="C8" s="179" t="s">
        <v>6</v>
      </c>
      <c r="D8" s="180" t="s">
        <v>56</v>
      </c>
      <c r="E8" s="181" t="s">
        <v>57</v>
      </c>
      <c r="F8" s="182" t="s">
        <v>127</v>
      </c>
      <c r="G8" s="183" t="s">
        <v>169</v>
      </c>
      <c r="H8" s="184" t="s">
        <v>173</v>
      </c>
      <c r="I8" s="185" t="s">
        <v>127</v>
      </c>
      <c r="J8" s="186"/>
      <c r="K8" s="187"/>
      <c r="L8" s="188" t="s">
        <v>124</v>
      </c>
      <c r="M8" s="188" t="s">
        <v>124</v>
      </c>
      <c r="N8" s="189" t="s">
        <v>132</v>
      </c>
      <c r="O8" s="190" t="s">
        <v>7</v>
      </c>
    </row>
    <row r="9" spans="2:16" customFormat="1" ht="57.75" customHeight="1" x14ac:dyDescent="0.4">
      <c r="B9" s="178"/>
      <c r="C9" s="179"/>
      <c r="D9" s="191" t="s">
        <v>59</v>
      </c>
      <c r="E9" s="192" t="s">
        <v>8</v>
      </c>
      <c r="F9" s="193" t="s">
        <v>9</v>
      </c>
      <c r="G9" s="183" t="s">
        <v>169</v>
      </c>
      <c r="H9" s="194" t="s">
        <v>173</v>
      </c>
      <c r="I9" s="195" t="s">
        <v>127</v>
      </c>
      <c r="J9" s="196"/>
      <c r="K9" s="197"/>
      <c r="L9" s="198" t="s">
        <v>125</v>
      </c>
      <c r="M9" s="198" t="s">
        <v>125</v>
      </c>
      <c r="N9" s="199" t="s">
        <v>58</v>
      </c>
      <c r="O9" s="198" t="s">
        <v>7</v>
      </c>
    </row>
    <row r="10" spans="2:16" customFormat="1" ht="57.75" customHeight="1" x14ac:dyDescent="0.4">
      <c r="B10" s="178"/>
      <c r="C10" s="179"/>
      <c r="D10" s="191" t="s">
        <v>60</v>
      </c>
      <c r="E10" s="192" t="s">
        <v>61</v>
      </c>
      <c r="F10" s="193" t="s">
        <v>127</v>
      </c>
      <c r="G10" s="183" t="s">
        <v>169</v>
      </c>
      <c r="H10" s="194" t="s">
        <v>173</v>
      </c>
      <c r="I10" s="195" t="s">
        <v>127</v>
      </c>
      <c r="J10" s="196"/>
      <c r="K10" s="197"/>
      <c r="L10" s="198" t="s">
        <v>125</v>
      </c>
      <c r="M10" s="198" t="s">
        <v>125</v>
      </c>
      <c r="N10" s="199" t="s">
        <v>58</v>
      </c>
      <c r="O10" s="198" t="s">
        <v>7</v>
      </c>
    </row>
    <row r="11" spans="2:16" customFormat="1" ht="57.75" customHeight="1" x14ac:dyDescent="0.4">
      <c r="B11" s="178"/>
      <c r="C11" s="179"/>
      <c r="D11" s="191" t="s">
        <v>62</v>
      </c>
      <c r="E11" s="192" t="s">
        <v>63</v>
      </c>
      <c r="F11" s="193" t="s">
        <v>127</v>
      </c>
      <c r="G11" s="183" t="s">
        <v>169</v>
      </c>
      <c r="H11" s="194" t="s">
        <v>173</v>
      </c>
      <c r="I11" s="195" t="s">
        <v>127</v>
      </c>
      <c r="J11" s="196"/>
      <c r="K11" s="197"/>
      <c r="L11" s="198" t="s">
        <v>125</v>
      </c>
      <c r="M11" s="198" t="s">
        <v>125</v>
      </c>
      <c r="N11" s="199" t="s">
        <v>7</v>
      </c>
      <c r="O11" s="198" t="s">
        <v>7</v>
      </c>
    </row>
    <row r="12" spans="2:16" customFormat="1" ht="57.75" customHeight="1" x14ac:dyDescent="0.4">
      <c r="B12" s="178"/>
      <c r="C12" s="179"/>
      <c r="D12" s="191" t="s">
        <v>64</v>
      </c>
      <c r="E12" s="192" t="s">
        <v>65</v>
      </c>
      <c r="F12" s="193" t="s">
        <v>127</v>
      </c>
      <c r="G12" s="183" t="s">
        <v>169</v>
      </c>
      <c r="H12" s="194" t="s">
        <v>173</v>
      </c>
      <c r="I12" s="195" t="s">
        <v>127</v>
      </c>
      <c r="J12" s="196"/>
      <c r="K12" s="197"/>
      <c r="L12" s="198" t="s">
        <v>125</v>
      </c>
      <c r="M12" s="198" t="s">
        <v>131</v>
      </c>
      <c r="N12" s="199" t="s">
        <v>58</v>
      </c>
      <c r="O12" s="198" t="s">
        <v>7</v>
      </c>
    </row>
    <row r="13" spans="2:16" customFormat="1" ht="57.75" customHeight="1" x14ac:dyDescent="0.4">
      <c r="B13" s="178"/>
      <c r="C13" s="179"/>
      <c r="D13" s="191" t="s">
        <v>66</v>
      </c>
      <c r="E13" s="192" t="s">
        <v>10</v>
      </c>
      <c r="F13" s="193" t="s">
        <v>11</v>
      </c>
      <c r="G13" s="183" t="s">
        <v>169</v>
      </c>
      <c r="H13" s="194" t="s">
        <v>169</v>
      </c>
      <c r="I13" s="195" t="s">
        <v>127</v>
      </c>
      <c r="J13" s="196"/>
      <c r="K13" s="197"/>
      <c r="L13" s="198" t="s">
        <v>127</v>
      </c>
      <c r="M13" s="198" t="s">
        <v>127</v>
      </c>
      <c r="N13" s="199" t="s">
        <v>12</v>
      </c>
      <c r="O13" s="198" t="s">
        <v>7</v>
      </c>
    </row>
    <row r="14" spans="2:16" customFormat="1" ht="57.75" customHeight="1" x14ac:dyDescent="0.4">
      <c r="B14" s="178"/>
      <c r="C14" s="179"/>
      <c r="D14" s="191" t="s">
        <v>67</v>
      </c>
      <c r="E14" s="192" t="s">
        <v>68</v>
      </c>
      <c r="F14" s="193" t="s">
        <v>117</v>
      </c>
      <c r="G14" s="183" t="s">
        <v>169</v>
      </c>
      <c r="H14" s="183" t="s">
        <v>169</v>
      </c>
      <c r="I14" s="195" t="s">
        <v>127</v>
      </c>
      <c r="J14" s="196"/>
      <c r="K14" s="197"/>
      <c r="L14" s="198" t="s">
        <v>127</v>
      </c>
      <c r="M14" s="198" t="s">
        <v>127</v>
      </c>
      <c r="N14" s="199" t="s">
        <v>58</v>
      </c>
      <c r="O14" s="198" t="s">
        <v>127</v>
      </c>
    </row>
    <row r="15" spans="2:16" customFormat="1" ht="57.75" customHeight="1" x14ac:dyDescent="0.4">
      <c r="B15" s="178"/>
      <c r="C15" s="179"/>
      <c r="D15" s="180" t="s">
        <v>69</v>
      </c>
      <c r="E15" s="192" t="s">
        <v>13</v>
      </c>
      <c r="F15" s="193" t="s">
        <v>127</v>
      </c>
      <c r="G15" s="183" t="s">
        <v>169</v>
      </c>
      <c r="H15" s="183" t="s">
        <v>169</v>
      </c>
      <c r="I15" s="195" t="s">
        <v>127</v>
      </c>
      <c r="J15" s="196"/>
      <c r="K15" s="197"/>
      <c r="L15" s="200" t="s">
        <v>127</v>
      </c>
      <c r="M15" s="198" t="s">
        <v>127</v>
      </c>
      <c r="N15" s="199" t="s">
        <v>58</v>
      </c>
      <c r="O15" s="198" t="s">
        <v>7</v>
      </c>
    </row>
    <row r="16" spans="2:16" customFormat="1" ht="57.75" customHeight="1" x14ac:dyDescent="0.4">
      <c r="B16" s="178"/>
      <c r="C16" s="179"/>
      <c r="D16" s="191" t="s">
        <v>14</v>
      </c>
      <c r="E16" s="192" t="s">
        <v>104</v>
      </c>
      <c r="F16" s="193" t="s">
        <v>127</v>
      </c>
      <c r="G16" s="183" t="s">
        <v>169</v>
      </c>
      <c r="H16" s="183" t="s">
        <v>169</v>
      </c>
      <c r="I16" s="195" t="s">
        <v>127</v>
      </c>
      <c r="J16" s="196"/>
      <c r="K16" s="197"/>
      <c r="L16" s="200" t="s">
        <v>127</v>
      </c>
      <c r="M16" s="198" t="s">
        <v>127</v>
      </c>
      <c r="N16" s="199" t="s">
        <v>58</v>
      </c>
      <c r="O16" s="198" t="s">
        <v>127</v>
      </c>
    </row>
    <row r="17" spans="2:15" customFormat="1" ht="57.75" customHeight="1" x14ac:dyDescent="0.4">
      <c r="B17" s="178"/>
      <c r="C17" s="179"/>
      <c r="D17" s="191" t="s">
        <v>15</v>
      </c>
      <c r="E17" s="192" t="s">
        <v>112</v>
      </c>
      <c r="F17" s="193" t="s">
        <v>127</v>
      </c>
      <c r="G17" s="183" t="s">
        <v>169</v>
      </c>
      <c r="H17" s="183" t="s">
        <v>169</v>
      </c>
      <c r="I17" s="195" t="s">
        <v>127</v>
      </c>
      <c r="J17" s="196"/>
      <c r="K17" s="197"/>
      <c r="L17" s="200" t="s">
        <v>127</v>
      </c>
      <c r="M17" s="198" t="s">
        <v>127</v>
      </c>
      <c r="N17" s="199" t="s">
        <v>12</v>
      </c>
      <c r="O17" s="198" t="s">
        <v>127</v>
      </c>
    </row>
    <row r="18" spans="2:15" customFormat="1" ht="57.75" customHeight="1" x14ac:dyDescent="0.4">
      <c r="B18" s="178"/>
      <c r="C18" s="179"/>
      <c r="D18" s="191" t="s">
        <v>16</v>
      </c>
      <c r="E18" s="201" t="s">
        <v>105</v>
      </c>
      <c r="F18" s="193" t="s">
        <v>127</v>
      </c>
      <c r="G18" s="183" t="s">
        <v>169</v>
      </c>
      <c r="H18" s="183" t="s">
        <v>169</v>
      </c>
      <c r="I18" s="195" t="s">
        <v>127</v>
      </c>
      <c r="J18" s="196"/>
      <c r="K18" s="197"/>
      <c r="L18" s="200" t="s">
        <v>127</v>
      </c>
      <c r="M18" s="198" t="s">
        <v>127</v>
      </c>
      <c r="N18" s="199" t="s">
        <v>70</v>
      </c>
      <c r="O18" s="198" t="s">
        <v>127</v>
      </c>
    </row>
    <row r="19" spans="2:15" customFormat="1" ht="57.75" customHeight="1" thickBot="1" x14ac:dyDescent="0.45">
      <c r="B19" s="178"/>
      <c r="C19" s="179"/>
      <c r="D19" s="180" t="s">
        <v>17</v>
      </c>
      <c r="E19" s="202" t="s">
        <v>106</v>
      </c>
      <c r="F19" s="203" t="s">
        <v>127</v>
      </c>
      <c r="G19" s="182" t="s">
        <v>169</v>
      </c>
      <c r="H19" s="183" t="s">
        <v>169</v>
      </c>
      <c r="I19" s="204" t="s">
        <v>127</v>
      </c>
      <c r="J19" s="205"/>
      <c r="K19" s="206"/>
      <c r="L19" s="188" t="s">
        <v>127</v>
      </c>
      <c r="M19" s="188" t="s">
        <v>127</v>
      </c>
      <c r="N19" s="207" t="s">
        <v>12</v>
      </c>
      <c r="O19" s="208" t="s">
        <v>127</v>
      </c>
    </row>
    <row r="20" spans="2:15" customFormat="1" ht="57.75" customHeight="1" thickTop="1" x14ac:dyDescent="0.4">
      <c r="B20" s="130" t="s">
        <v>107</v>
      </c>
      <c r="C20" s="132" t="s">
        <v>18</v>
      </c>
      <c r="D20" s="17" t="s">
        <v>19</v>
      </c>
      <c r="E20" s="18" t="s">
        <v>71</v>
      </c>
      <c r="F20" s="19" t="s">
        <v>127</v>
      </c>
      <c r="G20" s="74" t="s">
        <v>170</v>
      </c>
      <c r="H20" s="70" t="s">
        <v>169</v>
      </c>
      <c r="I20" s="113" t="s">
        <v>133</v>
      </c>
      <c r="J20" s="114"/>
      <c r="K20" s="115"/>
      <c r="L20" s="20" t="s">
        <v>127</v>
      </c>
      <c r="M20" s="20" t="s">
        <v>126</v>
      </c>
      <c r="N20" s="53" t="s">
        <v>58</v>
      </c>
      <c r="O20" s="19" t="s">
        <v>7</v>
      </c>
    </row>
    <row r="21" spans="2:15" customFormat="1" ht="57.75" customHeight="1" x14ac:dyDescent="0.4">
      <c r="B21" s="128"/>
      <c r="C21" s="129"/>
      <c r="D21" s="13" t="s">
        <v>20</v>
      </c>
      <c r="E21" s="14" t="s">
        <v>72</v>
      </c>
      <c r="F21" s="15" t="s">
        <v>53</v>
      </c>
      <c r="G21" s="69" t="s">
        <v>171</v>
      </c>
      <c r="H21" s="77" t="s">
        <v>169</v>
      </c>
      <c r="I21" s="87" t="s">
        <v>134</v>
      </c>
      <c r="J21" s="88"/>
      <c r="K21" s="89"/>
      <c r="L21" s="15" t="s">
        <v>127</v>
      </c>
      <c r="M21" s="15" t="s">
        <v>7</v>
      </c>
      <c r="N21" s="51" t="s">
        <v>73</v>
      </c>
      <c r="O21" s="15" t="s">
        <v>7</v>
      </c>
    </row>
    <row r="22" spans="2:15" customFormat="1" ht="57.75" customHeight="1" x14ac:dyDescent="0.4">
      <c r="B22" s="128"/>
      <c r="C22" s="129"/>
      <c r="D22" s="13" t="s">
        <v>21</v>
      </c>
      <c r="E22" s="14" t="s">
        <v>74</v>
      </c>
      <c r="F22" s="15" t="s">
        <v>53</v>
      </c>
      <c r="G22" s="69" t="s">
        <v>172</v>
      </c>
      <c r="H22" s="77" t="s">
        <v>169</v>
      </c>
      <c r="I22" s="87" t="s">
        <v>135</v>
      </c>
      <c r="J22" s="88"/>
      <c r="K22" s="89"/>
      <c r="L22" s="15" t="s">
        <v>127</v>
      </c>
      <c r="M22" s="15" t="s">
        <v>7</v>
      </c>
      <c r="N22" s="51" t="s">
        <v>58</v>
      </c>
      <c r="O22" s="15" t="s">
        <v>7</v>
      </c>
    </row>
    <row r="23" spans="2:15" customFormat="1" ht="57.75" customHeight="1" x14ac:dyDescent="0.4">
      <c r="B23" s="128"/>
      <c r="C23" s="129"/>
      <c r="D23" s="13" t="s">
        <v>22</v>
      </c>
      <c r="E23" s="14" t="s">
        <v>75</v>
      </c>
      <c r="F23" s="15" t="s">
        <v>127</v>
      </c>
      <c r="G23" s="69" t="s">
        <v>171</v>
      </c>
      <c r="H23" s="77" t="s">
        <v>169</v>
      </c>
      <c r="I23" s="87" t="s">
        <v>134</v>
      </c>
      <c r="J23" s="88"/>
      <c r="K23" s="89"/>
      <c r="L23" s="15" t="s">
        <v>127</v>
      </c>
      <c r="M23" s="15" t="s">
        <v>7</v>
      </c>
      <c r="N23" s="51" t="s">
        <v>58</v>
      </c>
      <c r="O23" s="15" t="s">
        <v>7</v>
      </c>
    </row>
    <row r="24" spans="2:15" customFormat="1" ht="57.75" customHeight="1" x14ac:dyDescent="0.4">
      <c r="B24" s="128"/>
      <c r="C24" s="129"/>
      <c r="D24" s="13" t="s">
        <v>23</v>
      </c>
      <c r="E24" s="14" t="s">
        <v>24</v>
      </c>
      <c r="F24" s="15" t="s">
        <v>127</v>
      </c>
      <c r="G24" s="69" t="s">
        <v>171</v>
      </c>
      <c r="H24" s="77" t="s">
        <v>169</v>
      </c>
      <c r="I24" s="87" t="s">
        <v>134</v>
      </c>
      <c r="J24" s="88"/>
      <c r="K24" s="89"/>
      <c r="L24" s="15" t="s">
        <v>127</v>
      </c>
      <c r="M24" s="15" t="s">
        <v>7</v>
      </c>
      <c r="N24" s="51" t="s">
        <v>58</v>
      </c>
      <c r="O24" s="15" t="s">
        <v>7</v>
      </c>
    </row>
    <row r="25" spans="2:15" customFormat="1" ht="57.75" customHeight="1" x14ac:dyDescent="0.4">
      <c r="B25" s="128"/>
      <c r="C25" s="129"/>
      <c r="D25" s="13" t="s">
        <v>25</v>
      </c>
      <c r="E25" s="14" t="s">
        <v>76</v>
      </c>
      <c r="F25" s="15" t="s">
        <v>127</v>
      </c>
      <c r="G25" s="69" t="s">
        <v>172</v>
      </c>
      <c r="H25" s="77" t="s">
        <v>169</v>
      </c>
      <c r="I25" s="87" t="s">
        <v>135</v>
      </c>
      <c r="J25" s="88"/>
      <c r="K25" s="89"/>
      <c r="L25" s="15" t="s">
        <v>127</v>
      </c>
      <c r="M25" s="15" t="s">
        <v>7</v>
      </c>
      <c r="N25" s="51" t="s">
        <v>77</v>
      </c>
      <c r="O25" s="15" t="s">
        <v>7</v>
      </c>
    </row>
    <row r="26" spans="2:15" customFormat="1" ht="57.75" customHeight="1" x14ac:dyDescent="0.4">
      <c r="B26" s="128"/>
      <c r="C26" s="129"/>
      <c r="D26" s="13" t="s">
        <v>26</v>
      </c>
      <c r="E26" s="14" t="s">
        <v>27</v>
      </c>
      <c r="F26" s="15" t="s">
        <v>11</v>
      </c>
      <c r="G26" s="69" t="s">
        <v>169</v>
      </c>
      <c r="H26" s="77" t="s">
        <v>169</v>
      </c>
      <c r="I26" s="87" t="s">
        <v>127</v>
      </c>
      <c r="J26" s="88"/>
      <c r="K26" s="89"/>
      <c r="L26" s="15" t="s">
        <v>127</v>
      </c>
      <c r="M26" s="15" t="s">
        <v>127</v>
      </c>
      <c r="N26" s="51" t="s">
        <v>12</v>
      </c>
      <c r="O26" s="15" t="s">
        <v>7</v>
      </c>
    </row>
    <row r="27" spans="2:15" customFormat="1" ht="57.75" customHeight="1" x14ac:dyDescent="0.4">
      <c r="B27" s="128"/>
      <c r="C27" s="129"/>
      <c r="D27" s="13" t="s">
        <v>28</v>
      </c>
      <c r="E27" s="14" t="s">
        <v>78</v>
      </c>
      <c r="F27" s="15" t="s">
        <v>116</v>
      </c>
      <c r="G27" s="69" t="s">
        <v>169</v>
      </c>
      <c r="H27" s="70" t="s">
        <v>169</v>
      </c>
      <c r="I27" s="87" t="s">
        <v>127</v>
      </c>
      <c r="J27" s="88"/>
      <c r="K27" s="89"/>
      <c r="L27" s="15" t="s">
        <v>127</v>
      </c>
      <c r="M27" s="15" t="s">
        <v>127</v>
      </c>
      <c r="N27" s="51" t="s">
        <v>77</v>
      </c>
      <c r="O27" s="15" t="s">
        <v>127</v>
      </c>
    </row>
    <row r="28" spans="2:15" customFormat="1" ht="57.75" customHeight="1" x14ac:dyDescent="0.4">
      <c r="B28" s="128"/>
      <c r="C28" s="129"/>
      <c r="D28" s="13" t="s">
        <v>29</v>
      </c>
      <c r="E28" s="14" t="s">
        <v>30</v>
      </c>
      <c r="F28" s="15" t="s">
        <v>116</v>
      </c>
      <c r="G28" s="69" t="s">
        <v>172</v>
      </c>
      <c r="H28" s="77" t="s">
        <v>169</v>
      </c>
      <c r="I28" s="87" t="s">
        <v>135</v>
      </c>
      <c r="J28" s="88"/>
      <c r="K28" s="89"/>
      <c r="L28" s="15" t="s">
        <v>127</v>
      </c>
      <c r="M28" s="15" t="s">
        <v>7</v>
      </c>
      <c r="N28" s="51" t="s">
        <v>77</v>
      </c>
      <c r="O28" s="15" t="s">
        <v>127</v>
      </c>
    </row>
    <row r="29" spans="2:15" customFormat="1" ht="57.75" customHeight="1" x14ac:dyDescent="0.4">
      <c r="B29" s="128"/>
      <c r="C29" s="129"/>
      <c r="D29" s="13" t="s">
        <v>31</v>
      </c>
      <c r="E29" s="14" t="s">
        <v>32</v>
      </c>
      <c r="F29" s="15" t="s">
        <v>127</v>
      </c>
      <c r="G29" s="69" t="s">
        <v>169</v>
      </c>
      <c r="H29" s="77" t="s">
        <v>169</v>
      </c>
      <c r="I29" s="87" t="s">
        <v>169</v>
      </c>
      <c r="J29" s="88"/>
      <c r="K29" s="89"/>
      <c r="L29" s="15" t="s">
        <v>127</v>
      </c>
      <c r="M29" s="15" t="s">
        <v>127</v>
      </c>
      <c r="N29" s="51" t="s">
        <v>12</v>
      </c>
      <c r="O29" s="15" t="s">
        <v>7</v>
      </c>
    </row>
    <row r="30" spans="2:15" customFormat="1" ht="57.75" customHeight="1" x14ac:dyDescent="0.4">
      <c r="B30" s="128"/>
      <c r="C30" s="129"/>
      <c r="D30" s="13" t="s">
        <v>33</v>
      </c>
      <c r="E30" s="14" t="s">
        <v>79</v>
      </c>
      <c r="F30" s="15" t="s">
        <v>127</v>
      </c>
      <c r="G30" s="69" t="s">
        <v>172</v>
      </c>
      <c r="H30" s="77" t="s">
        <v>169</v>
      </c>
      <c r="I30" s="87" t="s">
        <v>135</v>
      </c>
      <c r="J30" s="88"/>
      <c r="K30" s="89"/>
      <c r="L30" s="15" t="s">
        <v>127</v>
      </c>
      <c r="M30" s="15" t="s">
        <v>7</v>
      </c>
      <c r="N30" s="51" t="s">
        <v>77</v>
      </c>
      <c r="O30" s="15" t="s">
        <v>7</v>
      </c>
    </row>
    <row r="31" spans="2:15" customFormat="1" ht="57.75" customHeight="1" x14ac:dyDescent="0.4">
      <c r="B31" s="128"/>
      <c r="C31" s="129"/>
      <c r="D31" s="13" t="s">
        <v>34</v>
      </c>
      <c r="E31" s="14" t="s">
        <v>80</v>
      </c>
      <c r="F31" s="15" t="s">
        <v>53</v>
      </c>
      <c r="G31" s="69" t="s">
        <v>172</v>
      </c>
      <c r="H31" s="77" t="s">
        <v>169</v>
      </c>
      <c r="I31" s="87" t="s">
        <v>135</v>
      </c>
      <c r="J31" s="88"/>
      <c r="K31" s="89"/>
      <c r="L31" s="16" t="s">
        <v>127</v>
      </c>
      <c r="M31" s="15" t="s">
        <v>7</v>
      </c>
      <c r="N31" s="51" t="s">
        <v>58</v>
      </c>
      <c r="O31" s="15" t="s">
        <v>7</v>
      </c>
    </row>
    <row r="32" spans="2:15" customFormat="1" ht="57.75" customHeight="1" x14ac:dyDescent="0.4">
      <c r="B32" s="128"/>
      <c r="C32" s="129"/>
      <c r="D32" s="13" t="s">
        <v>35</v>
      </c>
      <c r="E32" s="14" t="s">
        <v>81</v>
      </c>
      <c r="F32" s="15" t="s">
        <v>53</v>
      </c>
      <c r="G32" s="69" t="s">
        <v>172</v>
      </c>
      <c r="H32" s="77" t="s">
        <v>169</v>
      </c>
      <c r="I32" s="87" t="s">
        <v>135</v>
      </c>
      <c r="J32" s="88"/>
      <c r="K32" s="89"/>
      <c r="L32" s="16" t="s">
        <v>127</v>
      </c>
      <c r="M32" s="15" t="s">
        <v>7</v>
      </c>
      <c r="N32" s="51" t="s">
        <v>77</v>
      </c>
      <c r="O32" s="15" t="s">
        <v>7</v>
      </c>
    </row>
    <row r="33" spans="2:15" customFormat="1" ht="57.75" customHeight="1" x14ac:dyDescent="0.4">
      <c r="B33" s="128"/>
      <c r="C33" s="129"/>
      <c r="D33" s="13" t="s">
        <v>36</v>
      </c>
      <c r="E33" s="14" t="s">
        <v>82</v>
      </c>
      <c r="F33" s="15" t="s">
        <v>127</v>
      </c>
      <c r="G33" s="69" t="s">
        <v>172</v>
      </c>
      <c r="H33" s="77" t="s">
        <v>169</v>
      </c>
      <c r="I33" s="87" t="s">
        <v>135</v>
      </c>
      <c r="J33" s="88"/>
      <c r="K33" s="89"/>
      <c r="L33" s="16" t="s">
        <v>127</v>
      </c>
      <c r="M33" s="15" t="s">
        <v>7</v>
      </c>
      <c r="N33" s="51" t="s">
        <v>77</v>
      </c>
      <c r="O33" s="15" t="s">
        <v>128</v>
      </c>
    </row>
    <row r="34" spans="2:15" customFormat="1" ht="57.75" customHeight="1" x14ac:dyDescent="0.4">
      <c r="B34" s="128"/>
      <c r="C34" s="129"/>
      <c r="D34" s="13" t="s">
        <v>37</v>
      </c>
      <c r="E34" s="14" t="s">
        <v>83</v>
      </c>
      <c r="F34" s="15" t="s">
        <v>127</v>
      </c>
      <c r="G34" s="69" t="s">
        <v>169</v>
      </c>
      <c r="H34" s="77" t="s">
        <v>169</v>
      </c>
      <c r="I34" s="87" t="s">
        <v>127</v>
      </c>
      <c r="J34" s="88"/>
      <c r="K34" s="89"/>
      <c r="L34" s="15" t="s">
        <v>127</v>
      </c>
      <c r="M34" s="15" t="s">
        <v>127</v>
      </c>
      <c r="N34" s="51" t="s">
        <v>77</v>
      </c>
      <c r="O34" s="15" t="s">
        <v>127</v>
      </c>
    </row>
    <row r="35" spans="2:15" customFormat="1" ht="57.75" customHeight="1" x14ac:dyDescent="0.4">
      <c r="B35" s="128"/>
      <c r="C35" s="129"/>
      <c r="D35" s="13" t="s">
        <v>38</v>
      </c>
      <c r="E35" s="14" t="s">
        <v>84</v>
      </c>
      <c r="F35" s="15" t="s">
        <v>127</v>
      </c>
      <c r="G35" s="69" t="s">
        <v>172</v>
      </c>
      <c r="H35" s="77" t="s">
        <v>169</v>
      </c>
      <c r="I35" s="87" t="s">
        <v>135</v>
      </c>
      <c r="J35" s="88"/>
      <c r="K35" s="89"/>
      <c r="L35" s="16" t="s">
        <v>127</v>
      </c>
      <c r="M35" s="15" t="s">
        <v>7</v>
      </c>
      <c r="N35" s="51" t="s">
        <v>58</v>
      </c>
      <c r="O35" s="15" t="s">
        <v>127</v>
      </c>
    </row>
    <row r="36" spans="2:15" customFormat="1" ht="57.75" customHeight="1" x14ac:dyDescent="0.4">
      <c r="B36" s="128"/>
      <c r="C36" s="129"/>
      <c r="D36" s="13" t="s">
        <v>85</v>
      </c>
      <c r="E36" s="14" t="s">
        <v>86</v>
      </c>
      <c r="F36" s="15" t="s">
        <v>127</v>
      </c>
      <c r="G36" s="69" t="s">
        <v>172</v>
      </c>
      <c r="H36" s="77" t="s">
        <v>169</v>
      </c>
      <c r="I36" s="87" t="s">
        <v>135</v>
      </c>
      <c r="J36" s="88"/>
      <c r="K36" s="89"/>
      <c r="L36" s="16" t="s">
        <v>127</v>
      </c>
      <c r="M36" s="15" t="s">
        <v>7</v>
      </c>
      <c r="N36" s="51" t="s">
        <v>77</v>
      </c>
      <c r="O36" s="15" t="s">
        <v>127</v>
      </c>
    </row>
    <row r="37" spans="2:15" customFormat="1" ht="57.75" customHeight="1" x14ac:dyDescent="0.4">
      <c r="B37" s="128"/>
      <c r="C37" s="129"/>
      <c r="D37" s="13" t="s">
        <v>87</v>
      </c>
      <c r="E37" s="14" t="s">
        <v>88</v>
      </c>
      <c r="F37" s="15" t="s">
        <v>115</v>
      </c>
      <c r="G37" s="69" t="s">
        <v>172</v>
      </c>
      <c r="H37" s="77" t="s">
        <v>169</v>
      </c>
      <c r="I37" s="87" t="s">
        <v>135</v>
      </c>
      <c r="J37" s="88"/>
      <c r="K37" s="89"/>
      <c r="L37" s="16" t="s">
        <v>127</v>
      </c>
      <c r="M37" s="15" t="s">
        <v>7</v>
      </c>
      <c r="N37" s="51" t="s">
        <v>77</v>
      </c>
      <c r="O37" s="15" t="s">
        <v>173</v>
      </c>
    </row>
    <row r="38" spans="2:15" customFormat="1" ht="57.75" customHeight="1" x14ac:dyDescent="0.4">
      <c r="B38" s="128"/>
      <c r="C38" s="129"/>
      <c r="D38" s="13" t="s">
        <v>89</v>
      </c>
      <c r="E38" s="14" t="s">
        <v>39</v>
      </c>
      <c r="F38" s="15" t="s">
        <v>127</v>
      </c>
      <c r="G38" s="69" t="s">
        <v>172</v>
      </c>
      <c r="H38" s="77" t="s">
        <v>169</v>
      </c>
      <c r="I38" s="87" t="s">
        <v>135</v>
      </c>
      <c r="J38" s="88"/>
      <c r="K38" s="89"/>
      <c r="L38" s="16" t="s">
        <v>127</v>
      </c>
      <c r="M38" s="15" t="s">
        <v>7</v>
      </c>
      <c r="N38" s="51" t="s">
        <v>77</v>
      </c>
      <c r="O38" s="15" t="s">
        <v>128</v>
      </c>
    </row>
    <row r="39" spans="2:15" customFormat="1" ht="57.75" customHeight="1" thickBot="1" x14ac:dyDescent="0.45">
      <c r="B39" s="131"/>
      <c r="C39" s="133"/>
      <c r="D39" s="21" t="s">
        <v>90</v>
      </c>
      <c r="E39" s="22" t="s">
        <v>40</v>
      </c>
      <c r="F39" s="23" t="s">
        <v>127</v>
      </c>
      <c r="G39" s="69" t="s">
        <v>172</v>
      </c>
      <c r="H39" s="77" t="s">
        <v>169</v>
      </c>
      <c r="I39" s="90" t="s">
        <v>135</v>
      </c>
      <c r="J39" s="91"/>
      <c r="K39" s="92"/>
      <c r="L39" s="24" t="s">
        <v>127</v>
      </c>
      <c r="M39" s="23" t="s">
        <v>7</v>
      </c>
      <c r="N39" s="52" t="s">
        <v>77</v>
      </c>
      <c r="O39" s="23" t="s">
        <v>127</v>
      </c>
    </row>
    <row r="40" spans="2:15" customFormat="1" ht="33" customHeight="1" x14ac:dyDescent="0.4">
      <c r="B40" s="25"/>
      <c r="C40" s="26" t="s">
        <v>118</v>
      </c>
      <c r="D40" s="25"/>
      <c r="E40" s="27"/>
      <c r="F40" s="28"/>
      <c r="G40" s="28"/>
      <c r="H40" s="28"/>
      <c r="I40" s="28"/>
      <c r="J40" s="28"/>
      <c r="K40" s="28"/>
      <c r="L40" s="28"/>
      <c r="M40" s="28"/>
      <c r="N40" s="28"/>
      <c r="O40" s="28"/>
    </row>
    <row r="41" spans="2:15" customFormat="1" ht="33" customHeight="1" x14ac:dyDescent="0.4">
      <c r="B41" s="25"/>
      <c r="C41" s="26" t="s">
        <v>54</v>
      </c>
      <c r="D41" s="25"/>
      <c r="E41" s="27"/>
      <c r="F41" s="28"/>
      <c r="G41" s="28"/>
      <c r="H41" s="28"/>
      <c r="I41" s="28"/>
      <c r="J41" s="28"/>
      <c r="K41" s="28"/>
      <c r="L41" s="28"/>
      <c r="M41" s="28"/>
      <c r="N41" s="28"/>
      <c r="O41" s="28"/>
    </row>
    <row r="42" spans="2:15" customFormat="1" ht="33" customHeight="1" x14ac:dyDescent="0.4">
      <c r="B42" s="25"/>
      <c r="C42" s="26" t="s">
        <v>55</v>
      </c>
      <c r="D42" s="25"/>
      <c r="E42" s="27"/>
      <c r="F42" s="28"/>
      <c r="G42" s="28"/>
      <c r="H42" s="28"/>
      <c r="I42" s="28"/>
      <c r="J42" s="28"/>
      <c r="K42" s="28"/>
      <c r="L42" s="28"/>
      <c r="M42" s="28"/>
      <c r="N42" s="28"/>
      <c r="O42" s="28"/>
    </row>
    <row r="43" spans="2:15" customFormat="1" ht="33" customHeight="1" x14ac:dyDescent="0.4">
      <c r="B43" s="25"/>
      <c r="C43" s="26" t="s">
        <v>119</v>
      </c>
      <c r="D43" s="25"/>
      <c r="E43" s="27"/>
      <c r="F43" s="28"/>
      <c r="G43" s="28"/>
      <c r="H43" s="28"/>
      <c r="I43" s="28"/>
      <c r="J43" s="28"/>
      <c r="K43" s="28"/>
      <c r="L43" s="28"/>
      <c r="M43" s="28"/>
      <c r="N43" s="28"/>
      <c r="O43" s="28"/>
    </row>
    <row r="44" spans="2:15" customFormat="1" ht="33" customHeight="1" x14ac:dyDescent="0.4">
      <c r="B44" s="25"/>
      <c r="C44" s="26" t="s">
        <v>120</v>
      </c>
      <c r="D44" s="26"/>
      <c r="E44" s="26"/>
      <c r="F44" s="26"/>
      <c r="G44" s="26"/>
      <c r="H44" s="26"/>
      <c r="I44" s="26"/>
      <c r="J44" s="26"/>
      <c r="K44" s="26"/>
      <c r="L44" s="28"/>
      <c r="M44" s="28"/>
      <c r="N44" s="28"/>
      <c r="O44" s="28"/>
    </row>
    <row r="45" spans="2:15" customFormat="1" ht="33" customHeight="1" x14ac:dyDescent="0.4">
      <c r="B45" s="25"/>
      <c r="C45" s="26" t="s">
        <v>121</v>
      </c>
      <c r="D45" s="26"/>
      <c r="E45" s="26"/>
      <c r="F45" s="26"/>
      <c r="G45" s="26"/>
      <c r="H45" s="26"/>
      <c r="I45" s="26"/>
      <c r="J45" s="26"/>
      <c r="K45" s="26"/>
      <c r="L45" s="28"/>
      <c r="M45" s="28"/>
      <c r="N45" s="28"/>
      <c r="O45" s="28"/>
    </row>
    <row r="46" spans="2:15" customFormat="1" ht="33" customHeight="1" x14ac:dyDescent="0.4">
      <c r="B46" s="25"/>
      <c r="C46" s="26"/>
      <c r="D46" s="26"/>
      <c r="E46" s="26"/>
      <c r="F46" s="26"/>
      <c r="G46" s="26"/>
      <c r="H46" s="26"/>
      <c r="I46" s="26"/>
      <c r="J46" s="26"/>
      <c r="K46" s="26"/>
      <c r="L46" s="28"/>
      <c r="M46" s="28"/>
      <c r="N46" s="28"/>
      <c r="O46" s="28"/>
    </row>
    <row r="47" spans="2:15" customFormat="1" ht="33" customHeight="1" thickBot="1" x14ac:dyDescent="0.45">
      <c r="B47" s="25"/>
      <c r="C47" s="26"/>
      <c r="D47" s="25"/>
      <c r="E47" s="27"/>
      <c r="F47" s="28"/>
      <c r="G47" s="28"/>
      <c r="H47" s="28"/>
      <c r="I47" s="28"/>
      <c r="J47" s="28"/>
      <c r="K47" s="28"/>
      <c r="L47" s="28"/>
      <c r="M47" s="28"/>
      <c r="N47" s="28"/>
      <c r="O47" s="28"/>
    </row>
    <row r="48" spans="2:15" customFormat="1" ht="24.75" customHeight="1" thickBot="1" x14ac:dyDescent="0.45">
      <c r="B48" s="137"/>
      <c r="C48" s="138"/>
      <c r="D48" s="138"/>
      <c r="E48" s="139"/>
      <c r="F48" s="10" t="s">
        <v>111</v>
      </c>
      <c r="G48" s="75"/>
      <c r="H48" s="75"/>
      <c r="I48" s="31" t="s">
        <v>46</v>
      </c>
      <c r="J48" s="49" t="s">
        <v>108</v>
      </c>
      <c r="K48" s="104" t="s">
        <v>98</v>
      </c>
      <c r="L48" s="80"/>
      <c r="M48" s="67" t="s">
        <v>122</v>
      </c>
      <c r="N48" s="11" t="s">
        <v>47</v>
      </c>
      <c r="O48" s="10" t="s">
        <v>180</v>
      </c>
    </row>
    <row r="49" spans="1:17" customFormat="1" ht="57.75" customHeight="1" x14ac:dyDescent="0.4">
      <c r="B49" s="122"/>
      <c r="C49" s="123"/>
      <c r="D49" s="123"/>
      <c r="E49" s="124"/>
      <c r="F49" s="39" t="s">
        <v>97</v>
      </c>
      <c r="G49" s="40" t="s">
        <v>161</v>
      </c>
      <c r="H49" s="40" t="s">
        <v>163</v>
      </c>
      <c r="I49" s="40" t="s">
        <v>99</v>
      </c>
      <c r="J49" s="41" t="s">
        <v>91</v>
      </c>
      <c r="K49" s="41" t="s">
        <v>100</v>
      </c>
      <c r="L49" s="39" t="s">
        <v>96</v>
      </c>
      <c r="M49" s="40" t="s">
        <v>123</v>
      </c>
      <c r="N49" s="39" t="s">
        <v>102</v>
      </c>
      <c r="O49" s="39" t="s">
        <v>182</v>
      </c>
    </row>
    <row r="50" spans="1:17" customFormat="1" ht="36" customHeight="1" x14ac:dyDescent="0.4">
      <c r="B50" s="122"/>
      <c r="C50" s="123"/>
      <c r="D50" s="123"/>
      <c r="E50" s="124"/>
      <c r="F50" s="37" t="s">
        <v>2</v>
      </c>
      <c r="G50" s="71" t="s">
        <v>164</v>
      </c>
      <c r="H50" s="71" t="s">
        <v>165</v>
      </c>
      <c r="I50" s="95" t="s">
        <v>2</v>
      </c>
      <c r="J50" s="96"/>
      <c r="K50" s="97"/>
      <c r="L50" s="38" t="s">
        <v>3</v>
      </c>
      <c r="M50" s="68" t="s">
        <v>3</v>
      </c>
      <c r="N50" s="38" t="s">
        <v>3</v>
      </c>
      <c r="O50" s="64" t="s">
        <v>144</v>
      </c>
    </row>
    <row r="51" spans="1:17" customFormat="1" ht="102.75" customHeight="1" thickBot="1" x14ac:dyDescent="0.45">
      <c r="B51" s="125"/>
      <c r="C51" s="126"/>
      <c r="D51" s="126"/>
      <c r="E51" s="127"/>
      <c r="F51" s="12" t="s">
        <v>114</v>
      </c>
      <c r="G51" s="76" t="s">
        <v>166</v>
      </c>
      <c r="H51" s="73" t="s">
        <v>167</v>
      </c>
      <c r="I51" s="105" t="s">
        <v>129</v>
      </c>
      <c r="J51" s="106"/>
      <c r="K51" s="107"/>
      <c r="L51" s="12" t="s">
        <v>130</v>
      </c>
      <c r="M51" s="54" t="s">
        <v>148</v>
      </c>
      <c r="N51" s="12" t="s">
        <v>4</v>
      </c>
      <c r="O51" s="65" t="s">
        <v>181</v>
      </c>
    </row>
    <row r="52" spans="1:17" ht="99" customHeight="1" thickBot="1" x14ac:dyDescent="0.45">
      <c r="A52" s="6"/>
      <c r="B52" s="134" t="s">
        <v>45</v>
      </c>
      <c r="C52" s="135"/>
      <c r="D52" s="135"/>
      <c r="E52" s="136"/>
      <c r="F52" s="32" t="s">
        <v>113</v>
      </c>
      <c r="G52" s="33" t="s">
        <v>161</v>
      </c>
      <c r="H52" s="33" t="s">
        <v>162</v>
      </c>
      <c r="I52" s="33" t="s">
        <v>101</v>
      </c>
      <c r="J52" s="36" t="s">
        <v>109</v>
      </c>
      <c r="K52" s="35" t="s">
        <v>110</v>
      </c>
      <c r="L52" s="29" t="s">
        <v>142</v>
      </c>
      <c r="M52" s="57" t="s">
        <v>137</v>
      </c>
      <c r="N52" s="8" t="s">
        <v>147</v>
      </c>
      <c r="O52" s="78" t="s">
        <v>186</v>
      </c>
    </row>
    <row r="53" spans="1:17" ht="48.75" customHeight="1" thickBot="1" x14ac:dyDescent="0.45">
      <c r="A53" s="6"/>
      <c r="B53" s="98" t="s">
        <v>140</v>
      </c>
      <c r="C53" s="99"/>
      <c r="D53" s="99"/>
      <c r="E53" s="100"/>
      <c r="F53" s="30" t="s">
        <v>93</v>
      </c>
      <c r="G53" s="72" t="s">
        <v>174</v>
      </c>
      <c r="H53" s="72" t="s">
        <v>175</v>
      </c>
      <c r="I53" s="101" t="s">
        <v>92</v>
      </c>
      <c r="J53" s="102"/>
      <c r="K53" s="103"/>
      <c r="L53" s="30" t="s">
        <v>94</v>
      </c>
      <c r="M53" s="48" t="s">
        <v>95</v>
      </c>
      <c r="N53" s="30" t="s">
        <v>143</v>
      </c>
      <c r="O53" s="30" t="s">
        <v>183</v>
      </c>
    </row>
    <row r="54" spans="1:17" ht="48.75" customHeight="1" thickBot="1" x14ac:dyDescent="0.45">
      <c r="A54" s="6"/>
      <c r="B54" s="98" t="s">
        <v>141</v>
      </c>
      <c r="C54" s="99"/>
      <c r="D54" s="99"/>
      <c r="E54" s="100"/>
      <c r="F54" s="30" t="s">
        <v>146</v>
      </c>
      <c r="G54" s="72" t="s">
        <v>176</v>
      </c>
      <c r="H54" s="72" t="s">
        <v>177</v>
      </c>
      <c r="I54" s="101" t="s">
        <v>145</v>
      </c>
      <c r="J54" s="102"/>
      <c r="K54" s="103"/>
      <c r="L54" s="30" t="s">
        <v>139</v>
      </c>
      <c r="M54" s="48" t="s">
        <v>139</v>
      </c>
      <c r="N54" s="30" t="s">
        <v>139</v>
      </c>
      <c r="O54" s="30" t="s">
        <v>138</v>
      </c>
    </row>
    <row r="55" spans="1:17" ht="101.25" customHeight="1" thickBot="1" x14ac:dyDescent="0.45">
      <c r="A55" s="6"/>
      <c r="B55" s="140" t="s">
        <v>44</v>
      </c>
      <c r="C55" s="141"/>
      <c r="D55" s="141"/>
      <c r="E55" s="142"/>
      <c r="F55" s="83" t="s">
        <v>149</v>
      </c>
      <c r="G55" s="162"/>
      <c r="H55" s="162"/>
      <c r="I55" s="162"/>
      <c r="J55" s="162"/>
      <c r="K55" s="162"/>
      <c r="L55" s="162"/>
      <c r="M55" s="162"/>
      <c r="N55" s="162"/>
      <c r="O55" s="84"/>
      <c r="Q55" s="66"/>
    </row>
    <row r="56" spans="1:17" ht="279.75" customHeight="1" thickBot="1" x14ac:dyDescent="0.45">
      <c r="A56" s="6"/>
      <c r="B56" s="143" t="s">
        <v>50</v>
      </c>
      <c r="C56" s="144"/>
      <c r="D56" s="145"/>
      <c r="E56" s="46" t="s">
        <v>52</v>
      </c>
      <c r="F56" s="159" t="s">
        <v>151</v>
      </c>
      <c r="G56" s="160"/>
      <c r="H56" s="160"/>
      <c r="I56" s="160"/>
      <c r="J56" s="160"/>
      <c r="K56" s="160"/>
      <c r="L56" s="160"/>
      <c r="M56" s="160"/>
      <c r="N56" s="160"/>
      <c r="O56" s="161"/>
      <c r="Q56" s="66"/>
    </row>
    <row r="57" spans="1:17" ht="86.25" customHeight="1" thickBot="1" x14ac:dyDescent="0.45">
      <c r="A57" s="6"/>
      <c r="B57" s="140"/>
      <c r="C57" s="141"/>
      <c r="D57" s="142"/>
      <c r="E57" s="108" t="s">
        <v>51</v>
      </c>
      <c r="F57" s="167" t="s">
        <v>150</v>
      </c>
      <c r="G57" s="81" t="s">
        <v>178</v>
      </c>
      <c r="H57" s="82"/>
      <c r="I57" s="163" t="s">
        <v>128</v>
      </c>
      <c r="J57" s="164"/>
      <c r="K57" s="110" t="s">
        <v>187</v>
      </c>
      <c r="L57" s="111"/>
      <c r="M57" s="112"/>
      <c r="N57" s="93" t="s">
        <v>154</v>
      </c>
      <c r="O57" s="157" t="s">
        <v>128</v>
      </c>
    </row>
    <row r="58" spans="1:17" ht="205.5" customHeight="1" thickBot="1" x14ac:dyDescent="0.45">
      <c r="A58" s="6"/>
      <c r="B58" s="146"/>
      <c r="C58" s="147"/>
      <c r="D58" s="148"/>
      <c r="E58" s="109"/>
      <c r="F58" s="168"/>
      <c r="G58" s="83"/>
      <c r="H58" s="84"/>
      <c r="I58" s="165"/>
      <c r="J58" s="166"/>
      <c r="K58" s="56" t="s">
        <v>185</v>
      </c>
      <c r="L58" s="45" t="s">
        <v>136</v>
      </c>
      <c r="M58" s="47" t="s">
        <v>136</v>
      </c>
      <c r="N58" s="94"/>
      <c r="O58" s="158"/>
    </row>
    <row r="59" spans="1:17" ht="282" customHeight="1" thickBot="1" x14ac:dyDescent="0.45">
      <c r="A59" s="6"/>
      <c r="B59" s="140" t="s">
        <v>43</v>
      </c>
      <c r="C59" s="141"/>
      <c r="D59" s="141"/>
      <c r="E59" s="142"/>
      <c r="F59" s="34" t="s">
        <v>155</v>
      </c>
      <c r="G59" s="85" t="s">
        <v>179</v>
      </c>
      <c r="H59" s="86"/>
      <c r="I59" s="42" t="s">
        <v>156</v>
      </c>
      <c r="J59" s="42" t="s">
        <v>156</v>
      </c>
      <c r="K59" s="29" t="s">
        <v>157</v>
      </c>
      <c r="L59" s="29" t="s">
        <v>157</v>
      </c>
      <c r="M59" s="59" t="s">
        <v>158</v>
      </c>
      <c r="N59" s="34" t="s">
        <v>159</v>
      </c>
      <c r="O59" s="29" t="s">
        <v>160</v>
      </c>
    </row>
    <row r="60" spans="1:17" ht="84.75" customHeight="1" thickBot="1" x14ac:dyDescent="0.45">
      <c r="A60" s="6"/>
      <c r="B60" s="98" t="s">
        <v>48</v>
      </c>
      <c r="C60" s="99"/>
      <c r="D60" s="99"/>
      <c r="E60" s="100"/>
      <c r="F60" s="159" t="s">
        <v>152</v>
      </c>
      <c r="G60" s="160"/>
      <c r="H60" s="160"/>
      <c r="I60" s="160"/>
      <c r="J60" s="160"/>
      <c r="K60" s="160"/>
      <c r="L60" s="160"/>
      <c r="M60" s="160"/>
      <c r="N60" s="160"/>
      <c r="O60" s="161"/>
      <c r="P60" s="66"/>
    </row>
    <row r="61" spans="1:17" ht="86.25" customHeight="1" thickBot="1" x14ac:dyDescent="0.45">
      <c r="A61" s="6"/>
      <c r="B61" s="98" t="s">
        <v>42</v>
      </c>
      <c r="C61" s="99"/>
      <c r="D61" s="99"/>
      <c r="E61" s="100"/>
      <c r="F61" s="159" t="s">
        <v>153</v>
      </c>
      <c r="G61" s="160"/>
      <c r="H61" s="160"/>
      <c r="I61" s="160"/>
      <c r="J61" s="160"/>
      <c r="K61" s="160"/>
      <c r="L61" s="160"/>
      <c r="M61" s="160"/>
      <c r="N61" s="160"/>
      <c r="O61" s="161"/>
    </row>
    <row r="62" spans="1:17" ht="312.75" customHeight="1" x14ac:dyDescent="0.4">
      <c r="B62" s="116" t="s">
        <v>49</v>
      </c>
      <c r="C62" s="117"/>
      <c r="D62" s="117"/>
      <c r="E62" s="118"/>
      <c r="F62" s="151"/>
      <c r="G62" s="152"/>
      <c r="H62" s="152"/>
      <c r="I62" s="152"/>
      <c r="J62" s="152"/>
      <c r="K62" s="152"/>
      <c r="L62" s="152"/>
      <c r="M62" s="152"/>
      <c r="N62" s="152"/>
      <c r="O62" s="153"/>
    </row>
    <row r="63" spans="1:17" ht="312.75" customHeight="1" thickBot="1" x14ac:dyDescent="0.45">
      <c r="B63" s="119"/>
      <c r="C63" s="120"/>
      <c r="D63" s="120"/>
      <c r="E63" s="121"/>
      <c r="F63" s="154"/>
      <c r="G63" s="155"/>
      <c r="H63" s="155"/>
      <c r="I63" s="155"/>
      <c r="J63" s="155"/>
      <c r="K63" s="155"/>
      <c r="L63" s="155"/>
      <c r="M63" s="155"/>
      <c r="N63" s="155"/>
      <c r="O63" s="156"/>
    </row>
    <row r="83" spans="4:4" x14ac:dyDescent="0.4">
      <c r="D83" s="7"/>
    </row>
    <row r="84" spans="4:4" x14ac:dyDescent="0.4">
      <c r="D84" s="7"/>
    </row>
    <row r="85" spans="4:4" x14ac:dyDescent="0.4">
      <c r="D85" s="7"/>
    </row>
    <row r="86" spans="4:4" x14ac:dyDescent="0.4">
      <c r="D86" s="7"/>
    </row>
    <row r="87" spans="4:4" x14ac:dyDescent="0.4">
      <c r="D87" s="7"/>
    </row>
    <row r="88" spans="4:4" x14ac:dyDescent="0.4">
      <c r="D88" s="7"/>
    </row>
    <row r="89" spans="4:4" x14ac:dyDescent="0.4">
      <c r="D89" s="7"/>
    </row>
    <row r="90" spans="4:4" x14ac:dyDescent="0.4">
      <c r="D90" s="7"/>
    </row>
    <row r="91" spans="4:4" x14ac:dyDescent="0.4">
      <c r="D91" s="7"/>
    </row>
    <row r="92" spans="4:4" x14ac:dyDescent="0.4">
      <c r="D92" s="7"/>
    </row>
    <row r="93" spans="4:4" x14ac:dyDescent="0.4">
      <c r="D93" s="7"/>
    </row>
    <row r="94" spans="4:4" x14ac:dyDescent="0.4">
      <c r="D94" s="7"/>
    </row>
    <row r="95" spans="4:4" x14ac:dyDescent="0.4">
      <c r="D95" s="7"/>
    </row>
    <row r="96" spans="4:4" x14ac:dyDescent="0.4">
      <c r="D96" s="7"/>
    </row>
    <row r="97" spans="4:4" x14ac:dyDescent="0.4">
      <c r="D97" s="7"/>
    </row>
    <row r="98" spans="4:4" x14ac:dyDescent="0.4">
      <c r="D98" s="7"/>
    </row>
    <row r="99" spans="4:4" x14ac:dyDescent="0.4">
      <c r="D99" s="7"/>
    </row>
    <row r="100" spans="4:4" x14ac:dyDescent="0.4">
      <c r="D100" s="7"/>
    </row>
    <row r="101" spans="4:4" x14ac:dyDescent="0.4">
      <c r="D101" s="7"/>
    </row>
    <row r="102" spans="4:4" x14ac:dyDescent="0.4">
      <c r="D102" s="7"/>
    </row>
    <row r="103" spans="4:4" x14ac:dyDescent="0.4">
      <c r="D103" s="7"/>
    </row>
    <row r="104" spans="4:4" x14ac:dyDescent="0.4">
      <c r="D104" s="7"/>
    </row>
    <row r="105" spans="4:4" x14ac:dyDescent="0.4">
      <c r="D105" s="7"/>
    </row>
    <row r="106" spans="4:4" x14ac:dyDescent="0.4">
      <c r="D106" s="7"/>
    </row>
    <row r="107" spans="4:4" x14ac:dyDescent="0.4">
      <c r="D107" s="7"/>
    </row>
    <row r="108" spans="4:4" x14ac:dyDescent="0.4">
      <c r="D108" s="7"/>
    </row>
    <row r="109" spans="4:4" x14ac:dyDescent="0.4">
      <c r="D109" s="7"/>
    </row>
    <row r="110" spans="4:4" x14ac:dyDescent="0.4">
      <c r="D110" s="7"/>
    </row>
    <row r="111" spans="4:4" x14ac:dyDescent="0.4">
      <c r="D111" s="7"/>
    </row>
    <row r="112" spans="4:4" x14ac:dyDescent="0.4">
      <c r="D112" s="7"/>
    </row>
    <row r="113" spans="4:4" x14ac:dyDescent="0.4">
      <c r="D113" s="7"/>
    </row>
    <row r="114" spans="4:4" x14ac:dyDescent="0.4">
      <c r="D114" s="7"/>
    </row>
  </sheetData>
  <mergeCells count="75">
    <mergeCell ref="B2:N2"/>
    <mergeCell ref="F62:O63"/>
    <mergeCell ref="O57:O58"/>
    <mergeCell ref="F56:O56"/>
    <mergeCell ref="F55:O55"/>
    <mergeCell ref="F61:O61"/>
    <mergeCell ref="F60:O60"/>
    <mergeCell ref="I57:J58"/>
    <mergeCell ref="F57:F58"/>
    <mergeCell ref="B4:E4"/>
    <mergeCell ref="B5:B7"/>
    <mergeCell ref="C5:C7"/>
    <mergeCell ref="D5:D7"/>
    <mergeCell ref="E5:E7"/>
    <mergeCell ref="I16:K16"/>
    <mergeCell ref="I17:K17"/>
    <mergeCell ref="I18:K18"/>
    <mergeCell ref="I10:K10"/>
    <mergeCell ref="I11:K11"/>
    <mergeCell ref="I12:K12"/>
    <mergeCell ref="I13:K13"/>
    <mergeCell ref="I14:K14"/>
    <mergeCell ref="I15:K15"/>
    <mergeCell ref="I8:K8"/>
    <mergeCell ref="I6:K6"/>
    <mergeCell ref="K4:L4"/>
    <mergeCell ref="I7:K7"/>
    <mergeCell ref="I9:K9"/>
    <mergeCell ref="B62:E63"/>
    <mergeCell ref="B53:E53"/>
    <mergeCell ref="B49:E51"/>
    <mergeCell ref="B8:B19"/>
    <mergeCell ref="C8:C19"/>
    <mergeCell ref="B20:B39"/>
    <mergeCell ref="C20:C39"/>
    <mergeCell ref="B52:E52"/>
    <mergeCell ref="B60:E60"/>
    <mergeCell ref="B48:E48"/>
    <mergeCell ref="B61:E61"/>
    <mergeCell ref="B55:E55"/>
    <mergeCell ref="B56:D58"/>
    <mergeCell ref="B59:E59"/>
    <mergeCell ref="I26:K26"/>
    <mergeCell ref="I27:K27"/>
    <mergeCell ref="I28:K28"/>
    <mergeCell ref="I19:K19"/>
    <mergeCell ref="I20:K20"/>
    <mergeCell ref="I21:K21"/>
    <mergeCell ref="I22:K22"/>
    <mergeCell ref="I23:K23"/>
    <mergeCell ref="N57:N58"/>
    <mergeCell ref="I50:K50"/>
    <mergeCell ref="B54:E54"/>
    <mergeCell ref="I54:K54"/>
    <mergeCell ref="K48:L48"/>
    <mergeCell ref="I51:K51"/>
    <mergeCell ref="I53:K53"/>
    <mergeCell ref="E57:E58"/>
    <mergeCell ref="K57:M57"/>
    <mergeCell ref="G4:H4"/>
    <mergeCell ref="G57:H58"/>
    <mergeCell ref="G59:H59"/>
    <mergeCell ref="I30:K30"/>
    <mergeCell ref="I31:K31"/>
    <mergeCell ref="I38:K38"/>
    <mergeCell ref="I39:K39"/>
    <mergeCell ref="I29:K29"/>
    <mergeCell ref="I34:K34"/>
    <mergeCell ref="I32:K32"/>
    <mergeCell ref="I33:K33"/>
    <mergeCell ref="I35:K35"/>
    <mergeCell ref="I36:K36"/>
    <mergeCell ref="I37:K37"/>
    <mergeCell ref="I24:K24"/>
    <mergeCell ref="I25:K25"/>
  </mergeCells>
  <phoneticPr fontId="2"/>
  <printOptions horizontalCentered="1"/>
  <pageMargins left="0.23622047244094491" right="0.23622047244094491" top="0.35433070866141736" bottom="0.35433070866141736" header="0" footer="0"/>
  <pageSetup paperSize="8" scale="23" fitToHeight="0" orientation="landscape" r:id="rId1"/>
  <headerFooter>
    <oddFooter>&amp;C- &amp;P -</oddFooter>
  </headerFooter>
  <rowBreaks count="2" manualBreakCount="2">
    <brk id="45" max="12" man="1"/>
    <brk id="63" max="11"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整理表 (R3当初協議通知用)</vt:lpstr>
      <vt:lpstr>'整理表 (R3当初協議通知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Administrator</cp:lastModifiedBy>
  <cp:lastPrinted>2021-05-11T06:34:57Z</cp:lastPrinted>
  <dcterms:created xsi:type="dcterms:W3CDTF">2018-12-25T09:56:48Z</dcterms:created>
  <dcterms:modified xsi:type="dcterms:W3CDTF">2021-05-12T12:14:44Z</dcterms:modified>
</cp:coreProperties>
</file>